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79" r:id="rId2"/>
    <p:sldId id="27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6" autoAdjust="0"/>
    <p:restoredTop sz="94660"/>
  </p:normalViewPr>
  <p:slideViewPr>
    <p:cSldViewPr snapToGrid="0">
      <p:cViewPr varScale="1">
        <p:scale>
          <a:sx n="78" d="100"/>
          <a:sy n="78" d="100"/>
        </p:scale>
        <p:origin x="878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9357AF-20E2-9671-211B-2C958C22FDD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E7471A8-91E8-A60D-09FB-71A40E2D5B6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D45C39-81ED-26D9-C051-D32FA10488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6132A1-E2C1-3110-C04B-AA8B9A543D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ABD50A-F33A-555D-1CB1-0BB8E3B67F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0007726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340EA1-1EFA-DFBA-C28A-77B548B837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9A25445-B1AF-226D-C55F-898DE600B7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CE8D0D-3DCE-8F37-C78B-AC630B6A1F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89DF6AE-9986-2DC5-D8E9-B3C25AB513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B8DFBEA-FEC3-3A37-3766-C7EE9D6BC1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482419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AB9CDA4-67DF-734D-4CF5-60BF3F07946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E2902E2-13E0-4A78-571A-3F0F5E30D8E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757947-0A78-3DA3-56AC-F88A4C2F4A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3AE349-28AC-1608-FBCC-644A28D72E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5253FD-1CFB-AB1D-E267-F673393272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11433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687BA5-0044-46A9-D04B-1C7F492125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9D4799-2E42-13BD-0CDC-58634A74C61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5A9CCF3-D06B-0463-0624-E508370013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EC9A8BD-6C4F-D6EE-6AC6-A4DBD07D7F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F15E0D6-40EC-E8B4-FDA9-82ACE7F7B4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160770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F28128-73C2-9AD7-AED1-E98F3BBC56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B3C27F-D7D8-6348-A203-CB189BFC28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F54D9B-134F-E70C-465B-F4E81403A3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EDB104-857F-D0DA-AB08-067FF8D283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2E8A11-E74B-9FBE-6C51-9F26DADE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1282180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E43BF0-F028-DDCA-B879-6D64B5D83A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34424B-4650-9E51-9407-9DCB7FCD162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1D6F8F4-08B5-59E7-87B2-BEED2745346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C7FC6A0-5112-5F30-2183-1A264EEB91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974F356-02DB-A0B2-AA33-3E2E9B2040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7101B37-872F-FF87-59B8-8C01E9FC98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23661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8A5E5D-F5F4-0A76-CE05-2E10661990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9A89E7F-2447-198D-1F29-2B17060CF96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6098F5D-CD22-7DFD-A3E9-41A7291C14E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7A86AC6-EC6B-805A-CE25-E86012BAEEF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506FC68-BC16-C45C-C166-CC505B340FE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CA04B83-157B-53DB-B59A-27299EA7D3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8C66576-5329-22B6-81D8-0B988CE60B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BCADFB0-39E0-3788-4833-CD2D940B73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862105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18D3D7-AD55-B5DF-9100-8DB24C40AD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304319A-C240-E60C-B253-5E7D78321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4A8B471-F7E8-5A6B-2554-4AEE45728B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43F978C-6973-CA16-5054-C887BD50CC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31016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25BAFA5-C7D0-5D9A-AE50-CE8E90417E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7AA769F-285C-F24D-030E-CFAA469064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0737E9F-A4C1-9E85-6A1B-19F094BE04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557433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BB312-E040-59DC-75E9-DF53554BCD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343E15-6EE3-8FC7-19B4-6E11EB15ED5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4B2328C-7ADF-A056-FD16-BBFB80DBC83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11DB531-E89F-1E79-568F-7C9E35BC58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6614D7-1153-0309-5124-F7CFA89B7E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3563F77-9348-F96B-54D9-56AD77EF07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581870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1792A3-0859-D572-9617-F4550156A23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662B16F-148A-29A7-DF87-3E5A8F82C6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D15AD83-E11C-406C-085A-F879400783E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0FF0816-AB38-63E7-08CE-90D3F72B97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66165F2-7708-A642-D699-C56CFBEDB2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EE24234-312F-96A4-CEC9-B3DEE20EFE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306995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E0E00FC-55DF-7D2E-8157-780A119064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A6A0E6-CA30-1D0A-B714-7DC484988A5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4D7212-EC17-9C77-866A-6D51654030F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7986BA0-AF5D-47AC-982B-8C7F3FD1CC9B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B8F99F-103B-46A1-533A-67AD1570A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408E67-91BD-6F40-A0A7-8B0467EB0A8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688243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image" Target="../media/image3.png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" name="OTLSHAPE_SL2A_a84e06ebfa01469e8ba0c11db5a8bcce_BackgroundRectangle">
            <a:extLst>
              <a:ext uri="{FF2B5EF4-FFF2-40B4-BE49-F238E27FC236}">
                <a16:creationId xmlns:a16="http://schemas.microsoft.com/office/drawing/2014/main" id="{006F1B73-B4FD-34B3-2140-3C9A5CE73B0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31325" y="2141728"/>
            <a:ext cx="10490200" cy="974259"/>
          </a:xfrm>
          <a:prstGeom prst="rect">
            <a:avLst/>
          </a:prstGeom>
          <a:solidFill>
            <a:srgbClr val="00B4D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00B4D8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SL2A_5b496014db794d4b9143ab1c077b06ec_BackgroundRectangle">
            <a:extLst>
              <a:ext uri="{FF2B5EF4-FFF2-40B4-BE49-F238E27FC236}">
                <a16:creationId xmlns:a16="http://schemas.microsoft.com/office/drawing/2014/main" id="{1F0A640B-3D53-6085-7788-6D6F2B10F4D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31325" y="3115987"/>
            <a:ext cx="10490200" cy="722080"/>
          </a:xfrm>
          <a:prstGeom prst="rect">
            <a:avLst/>
          </a:prstGeom>
          <a:solidFill>
            <a:srgbClr val="D6282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00B4D8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9" name="OTLSHAPE_SL2A_f15f4774015749d6af3a2772372e571d_BackgroundRectangle">
            <a:extLst>
              <a:ext uri="{FF2B5EF4-FFF2-40B4-BE49-F238E27FC236}">
                <a16:creationId xmlns:a16="http://schemas.microsoft.com/office/drawing/2014/main" id="{E2EE798E-AF18-0B12-0790-835488BF71E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31325" y="3901567"/>
            <a:ext cx="10490200" cy="768435"/>
          </a:xfrm>
          <a:prstGeom prst="rect">
            <a:avLst/>
          </a:prstGeom>
          <a:solidFill>
            <a:srgbClr val="00B4D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00B4D8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8" name="OTLSHAPE_SL2A_0e8b40fdba2944068a0b11d369fa6972_BackgroundRectangle">
            <a:extLst>
              <a:ext uri="{FF2B5EF4-FFF2-40B4-BE49-F238E27FC236}">
                <a16:creationId xmlns:a16="http://schemas.microsoft.com/office/drawing/2014/main" id="{5B1CD4FE-9140-300A-146B-8499540D785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31325" y="4670002"/>
            <a:ext cx="10490200" cy="1050459"/>
          </a:xfrm>
          <a:prstGeom prst="rect">
            <a:avLst/>
          </a:prstGeom>
          <a:solidFill>
            <a:srgbClr val="D6282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00B4D8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2" name="OTLSHAPE_SL2A_d4d52fd8540d478bab25f5fb5617b728_BackgroundRectangle">
            <a:extLst>
              <a:ext uri="{FF2B5EF4-FFF2-40B4-BE49-F238E27FC236}">
                <a16:creationId xmlns:a16="http://schemas.microsoft.com/office/drawing/2014/main" id="{AB6DAC00-C89B-FF05-D8AA-DE79E7D80D3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531325" y="5720461"/>
            <a:ext cx="10490200" cy="974259"/>
          </a:xfrm>
          <a:prstGeom prst="rect">
            <a:avLst/>
          </a:prstGeom>
          <a:solidFill>
            <a:srgbClr val="00B4D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00B4D8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OTLSHAPE_SL_b8daa794d20b4dfe87600c723d1e15f3_BackgroundRectangle" hidden="1">
            <a:extLst>
              <a:ext uri="{FF2B5EF4-FFF2-40B4-BE49-F238E27FC236}">
                <a16:creationId xmlns:a16="http://schemas.microsoft.com/office/drawing/2014/main" id="{B367FAB0-2408-AF4A-CC30-9182C0297D7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141728"/>
            <a:ext cx="10960100" cy="1696339"/>
          </a:xfrm>
          <a:prstGeom prst="rect">
            <a:avLst/>
          </a:prstGeom>
          <a:solidFill>
            <a:schemeClr val="lt1">
              <a:alpha val="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_52c483139f664690b3c5106ba61e0a90_BackgroundRectangle" hidden="1">
            <a:extLst>
              <a:ext uri="{FF2B5EF4-FFF2-40B4-BE49-F238E27FC236}">
                <a16:creationId xmlns:a16="http://schemas.microsoft.com/office/drawing/2014/main" id="{A0F85D67-C04E-AB5E-4AB9-26ED2C8837D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901567"/>
            <a:ext cx="10960100" cy="2793153"/>
          </a:xfrm>
          <a:prstGeom prst="rect">
            <a:avLst/>
          </a:prstGeom>
          <a:solidFill>
            <a:schemeClr val="lt1">
              <a:alpha val="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10A98AAA-0D80-99F7-7C2F-A090AF303706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E8F0A6F1-38E2-3675-D570-F24FB16D67D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2" name="OTLSHAPE_TB_00000000000000000000000000000000_ScaleContainer">
            <a:extLst>
              <a:ext uri="{FF2B5EF4-FFF2-40B4-BE49-F238E27FC236}">
                <a16:creationId xmlns:a16="http://schemas.microsoft.com/office/drawing/2014/main" id="{E7768523-452B-311C-2065-68D3BE69682E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443866" y="1371600"/>
            <a:ext cx="9575800" cy="182880"/>
          </a:xfrm>
          <a:prstGeom prst="round2SameRect">
            <a:avLst/>
          </a:prstGeom>
          <a:solidFill>
            <a:srgbClr val="2319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" name="OTLSHAPE_SL_b8daa794d20b4dfe87600c723d1e15f3_HeaderRectangle">
            <a:extLst>
              <a:ext uri="{FF2B5EF4-FFF2-40B4-BE49-F238E27FC236}">
                <a16:creationId xmlns:a16="http://schemas.microsoft.com/office/drawing/2014/main" id="{22A2384A-576D-76E9-AD69-3DC5AAFE634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141728"/>
            <a:ext cx="469900" cy="1696339"/>
          </a:xfrm>
          <a:prstGeom prst="rect">
            <a:avLst/>
          </a:prstGeom>
          <a:solidFill>
            <a:srgbClr val="03045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" name="OTLSHAPE_SL_52c483139f664690b3c5106ba61e0a90_HeaderRectangle">
            <a:extLst>
              <a:ext uri="{FF2B5EF4-FFF2-40B4-BE49-F238E27FC236}">
                <a16:creationId xmlns:a16="http://schemas.microsoft.com/office/drawing/2014/main" id="{89F7711C-08E8-26B4-1704-2B82086174B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901567"/>
            <a:ext cx="469900" cy="2793153"/>
          </a:xfrm>
          <a:prstGeom prst="rect">
            <a:avLst/>
          </a:prstGeom>
          <a:solidFill>
            <a:srgbClr val="0077B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OTLSHAPE_SL2A_a84e06ebfa01469e8ba0c11db5a8bcce_HeaderRectangle">
            <a:extLst>
              <a:ext uri="{FF2B5EF4-FFF2-40B4-BE49-F238E27FC236}">
                <a16:creationId xmlns:a16="http://schemas.microsoft.com/office/drawing/2014/main" id="{56CE659A-8E74-72D3-496C-56646218D39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31325" y="2141728"/>
            <a:ext cx="787400" cy="974259"/>
          </a:xfrm>
          <a:prstGeom prst="rect">
            <a:avLst/>
          </a:prstGeom>
          <a:solidFill>
            <a:srgbClr val="00B4D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0" name="OTLSHAPE_SL2A_5b496014db794d4b9143ab1c077b06ec_HeaderRectangle">
            <a:extLst>
              <a:ext uri="{FF2B5EF4-FFF2-40B4-BE49-F238E27FC236}">
                <a16:creationId xmlns:a16="http://schemas.microsoft.com/office/drawing/2014/main" id="{1C7DC4A8-1A6E-FD76-B22C-9C5F560714F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31325" y="3115987"/>
            <a:ext cx="787400" cy="722080"/>
          </a:xfrm>
          <a:prstGeom prst="rect">
            <a:avLst/>
          </a:prstGeom>
          <a:solidFill>
            <a:srgbClr val="D6282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7" name="OTLSHAPE_SL2A_f15f4774015749d6af3a2772372e571d_HeaderRectangle">
            <a:extLst>
              <a:ext uri="{FF2B5EF4-FFF2-40B4-BE49-F238E27FC236}">
                <a16:creationId xmlns:a16="http://schemas.microsoft.com/office/drawing/2014/main" id="{E1DC7ECC-F600-EF00-CCE9-D58DF2A6F8F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31325" y="3901567"/>
            <a:ext cx="787400" cy="768435"/>
          </a:xfrm>
          <a:prstGeom prst="rect">
            <a:avLst/>
          </a:prstGeom>
          <a:solidFill>
            <a:srgbClr val="00B4D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6" name="OTLSHAPE_SL2A_0e8b40fdba2944068a0b11d369fa6972_HeaderRectangle">
            <a:extLst>
              <a:ext uri="{FF2B5EF4-FFF2-40B4-BE49-F238E27FC236}">
                <a16:creationId xmlns:a16="http://schemas.microsoft.com/office/drawing/2014/main" id="{CADF9CDE-7D1D-C160-4EB1-29A0F545991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531325" y="4670002"/>
            <a:ext cx="787400" cy="1050459"/>
          </a:xfrm>
          <a:prstGeom prst="rect">
            <a:avLst/>
          </a:prstGeom>
          <a:solidFill>
            <a:srgbClr val="D6282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0" name="OTLSHAPE_SL2A_d4d52fd8540d478bab25f5fb5617b728_HeaderRectangle">
            <a:extLst>
              <a:ext uri="{FF2B5EF4-FFF2-40B4-BE49-F238E27FC236}">
                <a16:creationId xmlns:a16="http://schemas.microsoft.com/office/drawing/2014/main" id="{2256645E-F257-2AA5-A849-A2F274715D1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31325" y="5720461"/>
            <a:ext cx="787400" cy="974259"/>
          </a:xfrm>
          <a:prstGeom prst="rect">
            <a:avLst/>
          </a:prstGeom>
          <a:solidFill>
            <a:srgbClr val="02B2EE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TB_00000000000000000000000000000000_MiddleScaleContainer">
            <a:extLst>
              <a:ext uri="{FF2B5EF4-FFF2-40B4-BE49-F238E27FC236}">
                <a16:creationId xmlns:a16="http://schemas.microsoft.com/office/drawing/2014/main" id="{7F595571-6768-CE59-5C56-BFA316B9752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443866" y="1563624"/>
            <a:ext cx="9575800" cy="182880"/>
          </a:xfrm>
          <a:prstGeom prst="rect">
            <a:avLst/>
          </a:prstGeom>
          <a:solidFill>
            <a:srgbClr val="00B4D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TLSHAPE_TB_00000000000000000000000000000000_BottomScaleContainer">
            <a:extLst>
              <a:ext uri="{FF2B5EF4-FFF2-40B4-BE49-F238E27FC236}">
                <a16:creationId xmlns:a16="http://schemas.microsoft.com/office/drawing/2014/main" id="{A30863B3-616A-0DF7-B02B-2D9135C3271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443866" y="1755648"/>
            <a:ext cx="95758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" name="OTLSHAPE_SLT_d58656c62bc34d06bc71a41cb30bb808_Shape">
            <a:extLst>
              <a:ext uri="{FF2B5EF4-FFF2-40B4-BE49-F238E27FC236}">
                <a16:creationId xmlns:a16="http://schemas.microsoft.com/office/drawing/2014/main" id="{E9244CFD-F8DE-A539-62CB-D1C364F9288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823677" y="2334853"/>
            <a:ext cx="4038600" cy="186055"/>
          </a:xfrm>
          <a:prstGeom prst="chevron">
            <a:avLst/>
          </a:prstGeom>
          <a:solidFill>
            <a:srgbClr val="03045E"/>
          </a:solidFill>
          <a:ln w="1270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" name="OTLSHAPE_SLT_affec12f4e8d4a6ea8ece39fc768731a_Shape">
            <a:extLst>
              <a:ext uri="{FF2B5EF4-FFF2-40B4-BE49-F238E27FC236}">
                <a16:creationId xmlns:a16="http://schemas.microsoft.com/office/drawing/2014/main" id="{DC5A906C-9C3B-F5AA-DF04-DB278DBFA42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051564" y="3579940"/>
            <a:ext cx="1600200" cy="186055"/>
          </a:xfrm>
          <a:prstGeom prst="homePlate">
            <a:avLst/>
          </a:prstGeom>
          <a:solidFill>
            <a:srgbClr val="D62828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OTLSHAPE_SLT_b550e5804b644ea38f351aa4de247961_Shape">
            <a:extLst>
              <a:ext uri="{FF2B5EF4-FFF2-40B4-BE49-F238E27FC236}">
                <a16:creationId xmlns:a16="http://schemas.microsoft.com/office/drawing/2014/main" id="{1DB237CB-EBF5-2231-C202-D17A2663405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773710" y="4445846"/>
            <a:ext cx="3352800" cy="186055"/>
          </a:xfrm>
          <a:prstGeom prst="chevron">
            <a:avLst/>
          </a:prstGeom>
          <a:solidFill>
            <a:srgbClr val="03045E"/>
          </a:solidFill>
          <a:ln w="1270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8" name="OTLSHAPE_SLT_3432972f0b9640c6bec70d22b710c5c4_Shape">
            <a:extLst>
              <a:ext uri="{FF2B5EF4-FFF2-40B4-BE49-F238E27FC236}">
                <a16:creationId xmlns:a16="http://schemas.microsoft.com/office/drawing/2014/main" id="{C0E1A4F6-1CD4-EECD-EF87-2F24FB374B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773710" y="4863126"/>
            <a:ext cx="1828800" cy="186055"/>
          </a:xfrm>
          <a:prstGeom prst="homePlate">
            <a:avLst/>
          </a:prstGeom>
          <a:solidFill>
            <a:srgbClr val="D62828"/>
          </a:solidFill>
          <a:ln w="1270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" name="OTLSHAPE_SLT_5054cad128ea4d8aab4b9cc464713a7a_Shape">
            <a:extLst>
              <a:ext uri="{FF2B5EF4-FFF2-40B4-BE49-F238E27FC236}">
                <a16:creationId xmlns:a16="http://schemas.microsoft.com/office/drawing/2014/main" id="{91B6A275-F119-3AD7-94FB-8A7EDA38D1E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432386" y="4863126"/>
            <a:ext cx="1524000" cy="186055"/>
          </a:xfrm>
          <a:prstGeom prst="homePlate">
            <a:avLst/>
          </a:prstGeom>
          <a:solidFill>
            <a:srgbClr val="D62828"/>
          </a:solidFill>
          <a:ln w="1270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SLT_f85abf81016b446d8fe2aac1a8a3d57c_Shape">
            <a:extLst>
              <a:ext uri="{FF2B5EF4-FFF2-40B4-BE49-F238E27FC236}">
                <a16:creationId xmlns:a16="http://schemas.microsoft.com/office/drawing/2014/main" id="{D45F0B5C-A6A6-B593-A3DF-320AD79C0FE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736235" y="5913586"/>
            <a:ext cx="1981200" cy="186055"/>
          </a:xfrm>
          <a:prstGeom prst="chevron">
            <a:avLst/>
          </a:prstGeom>
          <a:solidFill>
            <a:srgbClr val="03045E"/>
          </a:solidFill>
          <a:ln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0" name="OTLSHAPE_SLM_4c6504676f2949aeb93a61aad13c30f3_Shape">
            <a:extLst>
              <a:ext uri="{FF2B5EF4-FFF2-40B4-BE49-F238E27FC236}">
                <a16:creationId xmlns:a16="http://schemas.microsoft.com/office/drawing/2014/main" id="{46AF9D15-E155-D3F7-A573-3336B0E723AD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773420" y="2900087"/>
            <a:ext cx="152400" cy="177800"/>
          </a:xfrm>
          <a:prstGeom prst="flowChartManualOperation">
            <a:avLst/>
          </a:prstGeom>
          <a:solidFill>
            <a:srgbClr val="03045E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1" name="OTLSHAPE_SLM_648b713adf3d4f3fbc43fb30ebc825fd_Shape">
            <a:extLst>
              <a:ext uri="{FF2B5EF4-FFF2-40B4-BE49-F238E27FC236}">
                <a16:creationId xmlns:a16="http://schemas.microsoft.com/office/drawing/2014/main" id="{712850CB-8EC2-69AE-E725-F6D8A781A11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823386" y="2900087"/>
            <a:ext cx="152400" cy="177800"/>
          </a:xfrm>
          <a:prstGeom prst="flowChartManualOperation">
            <a:avLst/>
          </a:prstGeom>
          <a:solidFill>
            <a:srgbClr val="03045E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" name="OTLSHAPE_SLM_ce80c2627d084b2f92dc4f9e2235a893_Shape">
            <a:extLst>
              <a:ext uri="{FF2B5EF4-FFF2-40B4-BE49-F238E27FC236}">
                <a16:creationId xmlns:a16="http://schemas.microsoft.com/office/drawing/2014/main" id="{8E9CBBA5-AFA4-9F31-D334-110FE01C5EE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558412" y="5428361"/>
            <a:ext cx="228600" cy="254000"/>
          </a:xfrm>
          <a:prstGeom prst="diamond">
            <a:avLst/>
          </a:prstGeom>
          <a:solidFill>
            <a:srgbClr val="D62828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3" name="OTLSHAPE_SLM_0bbdfb0635d841fd893b2bcc7c605a2c_Shape">
            <a:extLst>
              <a:ext uri="{FF2B5EF4-FFF2-40B4-BE49-F238E27FC236}">
                <a16:creationId xmlns:a16="http://schemas.microsoft.com/office/drawing/2014/main" id="{FFE2DC12-22CD-D463-45C7-2431E514511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9837277" y="5428361"/>
            <a:ext cx="228600" cy="254000"/>
          </a:xfrm>
          <a:prstGeom prst="diamond">
            <a:avLst/>
          </a:prstGeom>
          <a:solidFill>
            <a:srgbClr val="D62828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" name="OTLSHAPE_SLM_18baac58c5b847a889bf9a886de696bf_Shape">
            <a:extLst>
              <a:ext uri="{FF2B5EF4-FFF2-40B4-BE49-F238E27FC236}">
                <a16:creationId xmlns:a16="http://schemas.microsoft.com/office/drawing/2014/main" id="{DE380024-1BEA-6463-BAAB-51309E1DFB4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723244" y="6478820"/>
            <a:ext cx="177800" cy="177800"/>
          </a:xfrm>
          <a:prstGeom prst="ellipse">
            <a:avLst/>
          </a:prstGeom>
          <a:solidFill>
            <a:srgbClr val="03045E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7" name="OTLSHAPE_SLM_c4b4aefb03804a34a56286715ed736f7_Shape">
            <a:extLst>
              <a:ext uri="{FF2B5EF4-FFF2-40B4-BE49-F238E27FC236}">
                <a16:creationId xmlns:a16="http://schemas.microsoft.com/office/drawing/2014/main" id="{28291CE3-B6DA-A17B-10F3-56B765A1939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090563" y="6478820"/>
            <a:ext cx="177800" cy="177800"/>
          </a:xfrm>
          <a:prstGeom prst="ellipse">
            <a:avLst/>
          </a:prstGeom>
          <a:solidFill>
            <a:srgbClr val="03045E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" name="OTLSHAPE_TB_00000000000000000000000000000000_ElapsedTime" hidden="1">
            <a:extLst>
              <a:ext uri="{FF2B5EF4-FFF2-40B4-BE49-F238E27FC236}">
                <a16:creationId xmlns:a16="http://schemas.microsoft.com/office/drawing/2014/main" id="{B4BD0520-12C9-F4EF-0312-FD16158BC53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443866" y="13716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T_d58656c62bc34d06bc71a41cb30bb808_ShapePercentage" hidden="1">
            <a:extLst>
              <a:ext uri="{FF2B5EF4-FFF2-40B4-BE49-F238E27FC236}">
                <a16:creationId xmlns:a16="http://schemas.microsoft.com/office/drawing/2014/main" id="{2F513ACF-2E26-4045-3B9C-1EA1EBE68D2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823677" y="2334853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" name="OTLSHAPE_SLT_affec12f4e8d4a6ea8ece39fc768731a_ShapePercentage" hidden="1">
            <a:extLst>
              <a:ext uri="{FF2B5EF4-FFF2-40B4-BE49-F238E27FC236}">
                <a16:creationId xmlns:a16="http://schemas.microsoft.com/office/drawing/2014/main" id="{6FD324EA-B974-B34E-10A2-95FD414A6C3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051564" y="35799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T_b550e5804b644ea38f351aa4de247961_ShapePercentage" hidden="1">
            <a:extLst>
              <a:ext uri="{FF2B5EF4-FFF2-40B4-BE49-F238E27FC236}">
                <a16:creationId xmlns:a16="http://schemas.microsoft.com/office/drawing/2014/main" id="{28359432-2E49-2DBC-D7E9-FABC69B1D38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773710" y="444584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5" name="OTLSHAPE_SLT_3432972f0b9640c6bec70d22b710c5c4_ShapePercentage" hidden="1">
            <a:extLst>
              <a:ext uri="{FF2B5EF4-FFF2-40B4-BE49-F238E27FC236}">
                <a16:creationId xmlns:a16="http://schemas.microsoft.com/office/drawing/2014/main" id="{F69136A9-84D6-5C14-1791-4A48F42DBFA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773710" y="486312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T_5054cad128ea4d8aab4b9cc464713a7a_ShapePercentage" hidden="1">
            <a:extLst>
              <a:ext uri="{FF2B5EF4-FFF2-40B4-BE49-F238E27FC236}">
                <a16:creationId xmlns:a16="http://schemas.microsoft.com/office/drawing/2014/main" id="{D35FB296-B345-C51B-8D9D-2544077F71F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432386" y="486312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T_f85abf81016b446d8fe2aac1a8a3d57c_ShapePercentage" hidden="1">
            <a:extLst>
              <a:ext uri="{FF2B5EF4-FFF2-40B4-BE49-F238E27FC236}">
                <a16:creationId xmlns:a16="http://schemas.microsoft.com/office/drawing/2014/main" id="{602D5EDF-87BA-7C91-5D39-F447E93747D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736235" y="591358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4" name="OTLSHAPE_SL_b8daa794d20b4dfe87600c723d1e15f3_Header">
            <a:extLst>
              <a:ext uri="{FF2B5EF4-FFF2-40B4-BE49-F238E27FC236}">
                <a16:creationId xmlns:a16="http://schemas.microsoft.com/office/drawing/2014/main" id="{0BB16310-DFE1-A8C9-B91D-1FB6097C364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 rot="16200000">
            <a:off x="-550757" y="2865882"/>
            <a:ext cx="1696339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hase 1</a:t>
            </a:r>
          </a:p>
        </p:txBody>
      </p:sp>
      <p:sp>
        <p:nvSpPr>
          <p:cNvPr id="97" name="OTLSHAPE_SL_52c483139f664690b3c5106ba61e0a90_Header">
            <a:extLst>
              <a:ext uri="{FF2B5EF4-FFF2-40B4-BE49-F238E27FC236}">
                <a16:creationId xmlns:a16="http://schemas.microsoft.com/office/drawing/2014/main" id="{3017AC8D-9C1E-326D-115D-03448C4B9CC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 rot="16200000">
            <a:off x="-1099164" y="5174128"/>
            <a:ext cx="2793153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hase 2</a:t>
            </a:r>
          </a:p>
        </p:txBody>
      </p:sp>
      <p:sp>
        <p:nvSpPr>
          <p:cNvPr id="101" name="OTLSHAPE_SL2A_a84e06ebfa01469e8ba0c11db5a8bcce_Header">
            <a:extLst>
              <a:ext uri="{FF2B5EF4-FFF2-40B4-BE49-F238E27FC236}">
                <a16:creationId xmlns:a16="http://schemas.microsoft.com/office/drawing/2014/main" id="{F298DB43-D8EF-3ADB-B17A-C62D476640E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94825" y="2535830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am 1</a:t>
            </a:r>
          </a:p>
        </p:txBody>
      </p:sp>
      <p:sp>
        <p:nvSpPr>
          <p:cNvPr id="121" name="OTLSHAPE_SL2A_5b496014db794d4b9143ab1c077b06ec_Header">
            <a:extLst>
              <a:ext uri="{FF2B5EF4-FFF2-40B4-BE49-F238E27FC236}">
                <a16:creationId xmlns:a16="http://schemas.microsoft.com/office/drawing/2014/main" id="{E76F8E41-B50A-B49D-14FE-9A4F0D1B128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94825" y="3384000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am 2</a:t>
            </a:r>
          </a:p>
        </p:txBody>
      </p:sp>
      <p:sp>
        <p:nvSpPr>
          <p:cNvPr id="138" name="OTLSHAPE_SL2A_f15f4774015749d6af3a2772372e571d_Header">
            <a:extLst>
              <a:ext uri="{FF2B5EF4-FFF2-40B4-BE49-F238E27FC236}">
                <a16:creationId xmlns:a16="http://schemas.microsoft.com/office/drawing/2014/main" id="{E4BECF45-F394-ECC8-62D4-B6B846225B7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94825" y="4192757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am 1</a:t>
            </a:r>
          </a:p>
        </p:txBody>
      </p:sp>
      <p:sp>
        <p:nvSpPr>
          <p:cNvPr id="157" name="OTLSHAPE_SL2A_0e8b40fdba2944068a0b11d369fa6972_Header">
            <a:extLst>
              <a:ext uri="{FF2B5EF4-FFF2-40B4-BE49-F238E27FC236}">
                <a16:creationId xmlns:a16="http://schemas.microsoft.com/office/drawing/2014/main" id="{6FFC220D-99B1-E083-BB8F-7143C28A1EB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94825" y="5102204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am 2</a:t>
            </a:r>
          </a:p>
        </p:txBody>
      </p:sp>
      <p:sp>
        <p:nvSpPr>
          <p:cNvPr id="171" name="OTLSHAPE_SL2A_d4d52fd8540d478bab25f5fb5617b728_Header">
            <a:extLst>
              <a:ext uri="{FF2B5EF4-FFF2-40B4-BE49-F238E27FC236}">
                <a16:creationId xmlns:a16="http://schemas.microsoft.com/office/drawing/2014/main" id="{C5EDF347-11AA-4846-3C93-601A408CEDD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94825" y="6114563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am 3</a:t>
            </a:r>
          </a:p>
        </p:txBody>
      </p:sp>
      <p:sp>
        <p:nvSpPr>
          <p:cNvPr id="38" name="OTLSHAPE_TB_00000000000000000000000000000000_TodayMarkerShape" hidden="1">
            <a:extLst>
              <a:ext uri="{FF2B5EF4-FFF2-40B4-BE49-F238E27FC236}">
                <a16:creationId xmlns:a16="http://schemas.microsoft.com/office/drawing/2014/main" id="{18165239-A087-67F0-E360-FC4EEE28E5A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417740" y="193852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3BBE630-4517-4009-FC68-B4560190C22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507366" y="135451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Q3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B68A4B7C-BAFA-45B2-1E81-4B519FFC144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609324" y="135451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Q4</a:t>
            </a:r>
          </a:p>
        </p:txBody>
      </p:sp>
      <p:sp>
        <p:nvSpPr>
          <p:cNvPr id="109" name="OTLSHAPE_SLT_d58656c62bc34d06bc71a41cb30bb808_JoinedDate">
            <a:extLst>
              <a:ext uri="{FF2B5EF4-FFF2-40B4-BE49-F238E27FC236}">
                <a16:creationId xmlns:a16="http://schemas.microsoft.com/office/drawing/2014/main" id="{4848413C-1717-1D06-19F5-5CFB74264FC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823677" y="217982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 13 - Oct 4</a:t>
            </a:r>
          </a:p>
        </p:txBody>
      </p:sp>
      <p:sp>
        <p:nvSpPr>
          <p:cNvPr id="110" name="OTLSHAPE_SLT_d58656c62bc34d06bc71a41cb30bb808_Title">
            <a:extLst>
              <a:ext uri="{FF2B5EF4-FFF2-40B4-BE49-F238E27FC236}">
                <a16:creationId xmlns:a16="http://schemas.microsoft.com/office/drawing/2014/main" id="{CE70DB3C-56A9-5E98-CE14-A134134CD0F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476011" y="2334853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1 Here</a:t>
            </a:r>
          </a:p>
        </p:txBody>
      </p:sp>
      <p:sp>
        <p:nvSpPr>
          <p:cNvPr id="115" name="OTLSHAPE_SLM_4c6504676f2949aeb93a61aad13c30f3_Title">
            <a:extLst>
              <a:ext uri="{FF2B5EF4-FFF2-40B4-BE49-F238E27FC236}">
                <a16:creationId xmlns:a16="http://schemas.microsoft.com/office/drawing/2014/main" id="{6F58DA18-5BDD-52FE-6D34-2FD90673595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475964" y="2559008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lestone 3</a:t>
            </a:r>
          </a:p>
        </p:txBody>
      </p:sp>
      <p:sp>
        <p:nvSpPr>
          <p:cNvPr id="116" name="OTLSHAPE_SLM_4c6504676f2949aeb93a61aad13c30f3_Date">
            <a:extLst>
              <a:ext uri="{FF2B5EF4-FFF2-40B4-BE49-F238E27FC236}">
                <a16:creationId xmlns:a16="http://schemas.microsoft.com/office/drawing/2014/main" id="{2C96409A-553E-B65E-1ACA-23988A2999E8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712904" y="274506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 4</a:t>
            </a:r>
          </a:p>
        </p:txBody>
      </p:sp>
      <p:sp>
        <p:nvSpPr>
          <p:cNvPr id="118" name="OTLSHAPE_SLM_648b713adf3d4f3fbc43fb30ebc825fd_Title">
            <a:extLst>
              <a:ext uri="{FF2B5EF4-FFF2-40B4-BE49-F238E27FC236}">
                <a16:creationId xmlns:a16="http://schemas.microsoft.com/office/drawing/2014/main" id="{C43EDB7B-3433-EEDF-1A75-B98E0FC5ADF2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25931" y="2559008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lestone 1</a:t>
            </a:r>
          </a:p>
        </p:txBody>
      </p:sp>
      <p:sp>
        <p:nvSpPr>
          <p:cNvPr id="119" name="OTLSHAPE_SLM_648b713adf3d4f3fbc43fb30ebc825fd_Date">
            <a:extLst>
              <a:ext uri="{FF2B5EF4-FFF2-40B4-BE49-F238E27FC236}">
                <a16:creationId xmlns:a16="http://schemas.microsoft.com/office/drawing/2014/main" id="{B2AA816D-14B7-A0F1-87BD-652F4763469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720855" y="274506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 13</a:t>
            </a:r>
          </a:p>
        </p:txBody>
      </p:sp>
      <p:sp>
        <p:nvSpPr>
          <p:cNvPr id="129" name="OTLSHAPE_SLT_affec12f4e8d4a6ea8ece39fc768731a_JoinedDate">
            <a:extLst>
              <a:ext uri="{FF2B5EF4-FFF2-40B4-BE49-F238E27FC236}">
                <a16:creationId xmlns:a16="http://schemas.microsoft.com/office/drawing/2014/main" id="{2FA213FC-E3F9-513C-098E-BFFB89E7CE6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051564" y="3424915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 16 - Sep 5</a:t>
            </a:r>
          </a:p>
        </p:txBody>
      </p:sp>
      <p:sp>
        <p:nvSpPr>
          <p:cNvPr id="130" name="OTLSHAPE_SLT_affec12f4e8d4a6ea8ece39fc768731a_Title">
            <a:extLst>
              <a:ext uri="{FF2B5EF4-FFF2-40B4-BE49-F238E27FC236}">
                <a16:creationId xmlns:a16="http://schemas.microsoft.com/office/drawing/2014/main" id="{A848F85D-480D-77C0-4EDC-25AB185BD46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488502" y="3579940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2 Here</a:t>
            </a:r>
          </a:p>
        </p:txBody>
      </p:sp>
      <p:sp>
        <p:nvSpPr>
          <p:cNvPr id="132" name="OTLSHAPE_SLM_ce80c2627d084b2f92dc4f9e2235a893_Title">
            <a:extLst>
              <a:ext uri="{FF2B5EF4-FFF2-40B4-BE49-F238E27FC236}">
                <a16:creationId xmlns:a16="http://schemas.microsoft.com/office/drawing/2014/main" id="{E7D6E7E8-FA77-A97A-7C0A-95F5D1413BA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299057" y="508728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lestone 5</a:t>
            </a:r>
          </a:p>
        </p:txBody>
      </p:sp>
      <p:sp>
        <p:nvSpPr>
          <p:cNvPr id="133" name="OTLSHAPE_SLM_ce80c2627d084b2f92dc4f9e2235a893_Date">
            <a:extLst>
              <a:ext uri="{FF2B5EF4-FFF2-40B4-BE49-F238E27FC236}">
                <a16:creationId xmlns:a16="http://schemas.microsoft.com/office/drawing/2014/main" id="{07F5F197-B18A-AEC7-D956-D46C48285AD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503802" y="52733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 28</a:t>
            </a:r>
          </a:p>
        </p:txBody>
      </p:sp>
      <p:sp>
        <p:nvSpPr>
          <p:cNvPr id="135" name="OTLSHAPE_SLM_0bbdfb0635d841fd893b2bcc7c605a2c_Title">
            <a:extLst>
              <a:ext uri="{FF2B5EF4-FFF2-40B4-BE49-F238E27FC236}">
                <a16:creationId xmlns:a16="http://schemas.microsoft.com/office/drawing/2014/main" id="{317E4032-E8E0-80AB-8BB9-1AD13764945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577922" y="508728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lestone 6</a:t>
            </a:r>
          </a:p>
        </p:txBody>
      </p:sp>
      <p:sp>
        <p:nvSpPr>
          <p:cNvPr id="136" name="OTLSHAPE_SLM_0bbdfb0635d841fd893b2bcc7c605a2c_Date">
            <a:extLst>
              <a:ext uri="{FF2B5EF4-FFF2-40B4-BE49-F238E27FC236}">
                <a16:creationId xmlns:a16="http://schemas.microsoft.com/office/drawing/2014/main" id="{07A184B1-0EC8-09D5-6912-8696176A93E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769946" y="527333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ov 27</a:t>
            </a:r>
          </a:p>
        </p:txBody>
      </p:sp>
      <p:sp>
        <p:nvSpPr>
          <p:cNvPr id="146" name="OTLSHAPE_SLT_b550e5804b644ea38f351aa4de247961_JoinedDate">
            <a:extLst>
              <a:ext uri="{FF2B5EF4-FFF2-40B4-BE49-F238E27FC236}">
                <a16:creationId xmlns:a16="http://schemas.microsoft.com/office/drawing/2014/main" id="{A5D0F288-3752-5004-5435-DE8AA3D804C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773710" y="429082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 4 - Nov 16</a:t>
            </a:r>
          </a:p>
        </p:txBody>
      </p:sp>
      <p:sp>
        <p:nvSpPr>
          <p:cNvPr id="147" name="OTLSHAPE_SLT_b550e5804b644ea38f351aa4de247961_Title">
            <a:extLst>
              <a:ext uri="{FF2B5EF4-FFF2-40B4-BE49-F238E27FC236}">
                <a16:creationId xmlns:a16="http://schemas.microsoft.com/office/drawing/2014/main" id="{8D37DCC7-6787-9AEB-7442-9B342622008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084214" y="444584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3 Here</a:t>
            </a:r>
          </a:p>
        </p:txBody>
      </p:sp>
      <p:sp>
        <p:nvSpPr>
          <p:cNvPr id="154" name="OTLSHAPE_SLT_3432972f0b9640c6bec70d22b710c5c4_JoinedDate">
            <a:extLst>
              <a:ext uri="{FF2B5EF4-FFF2-40B4-BE49-F238E27FC236}">
                <a16:creationId xmlns:a16="http://schemas.microsoft.com/office/drawing/2014/main" id="{D138A293-FF11-F729-3EF7-18633F1A62A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773710" y="470810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 4 - Oct 27</a:t>
            </a:r>
            <a:endParaRPr kumimoji="0" lang="en-GB" sz="1000" b="0" i="0" u="none" strike="noStrike" kern="1200" cap="none" spc="-4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5" name="OTLSHAPE_SLT_3432972f0b9640c6bec70d22b710c5c4_Title">
            <a:extLst>
              <a:ext uri="{FF2B5EF4-FFF2-40B4-BE49-F238E27FC236}">
                <a16:creationId xmlns:a16="http://schemas.microsoft.com/office/drawing/2014/main" id="{4FE1A3E8-1CE7-2F40-BD3F-19B69A868BE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24592" y="486312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4 Here</a:t>
            </a:r>
          </a:p>
        </p:txBody>
      </p:sp>
      <p:sp>
        <p:nvSpPr>
          <p:cNvPr id="165" name="OTLSHAPE_SLT_5054cad128ea4d8aab4b9cc464713a7a_JoinedDate">
            <a:extLst>
              <a:ext uri="{FF2B5EF4-FFF2-40B4-BE49-F238E27FC236}">
                <a16:creationId xmlns:a16="http://schemas.microsoft.com/office/drawing/2014/main" id="{D645F590-E4FA-8B6D-B8D7-83CB0BCA820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432386" y="470810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ov 8 - Nov 27</a:t>
            </a:r>
          </a:p>
        </p:txBody>
      </p:sp>
      <p:sp>
        <p:nvSpPr>
          <p:cNvPr id="166" name="OTLSHAPE_SLT_5054cad128ea4d8aab4b9cc464713a7a_Title">
            <a:extLst>
              <a:ext uri="{FF2B5EF4-FFF2-40B4-BE49-F238E27FC236}">
                <a16:creationId xmlns:a16="http://schemas.microsoft.com/office/drawing/2014/main" id="{D182FFB6-90D4-0083-DE3F-B07950BD28C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831344" y="486312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5 Here</a:t>
            </a:r>
          </a:p>
        </p:txBody>
      </p:sp>
      <p:sp>
        <p:nvSpPr>
          <p:cNvPr id="179" name="OTLSHAPE_SLT_f85abf81016b446d8fe2aac1a8a3d57c_JoinedDate">
            <a:extLst>
              <a:ext uri="{FF2B5EF4-FFF2-40B4-BE49-F238E27FC236}">
                <a16:creationId xmlns:a16="http://schemas.microsoft.com/office/drawing/2014/main" id="{C659E1C4-B5E9-BD25-E105-2179E045564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736235" y="575856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ov 12 - Dec 7</a:t>
            </a:r>
          </a:p>
        </p:txBody>
      </p:sp>
      <p:sp>
        <p:nvSpPr>
          <p:cNvPr id="180" name="OTLSHAPE_SLT_f85abf81016b446d8fe2aac1a8a3d57c_Title">
            <a:extLst>
              <a:ext uri="{FF2B5EF4-FFF2-40B4-BE49-F238E27FC236}">
                <a16:creationId xmlns:a16="http://schemas.microsoft.com/office/drawing/2014/main" id="{A193B37D-2981-43BB-5E0E-9299FC66B5A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363079" y="59135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6 Here</a:t>
            </a:r>
          </a:p>
        </p:txBody>
      </p:sp>
      <p:sp>
        <p:nvSpPr>
          <p:cNvPr id="182" name="OTLSHAPE_SLM_18baac58c5b847a889bf9a886de696bf_Title">
            <a:extLst>
              <a:ext uri="{FF2B5EF4-FFF2-40B4-BE49-F238E27FC236}">
                <a16:creationId xmlns:a16="http://schemas.microsoft.com/office/drawing/2014/main" id="{B3D49E01-98CB-EFA0-2AC9-7319D078D95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438490" y="613774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lestone 7</a:t>
            </a:r>
          </a:p>
        </p:txBody>
      </p:sp>
      <p:sp>
        <p:nvSpPr>
          <p:cNvPr id="183" name="OTLSHAPE_SLM_18baac58c5b847a889bf9a886de696bf_Date">
            <a:extLst>
              <a:ext uri="{FF2B5EF4-FFF2-40B4-BE49-F238E27FC236}">
                <a16:creationId xmlns:a16="http://schemas.microsoft.com/office/drawing/2014/main" id="{5790818B-3BCC-73B6-608C-F41EE83D6D4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30514" y="632379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ov 12</a:t>
            </a:r>
            <a:endParaRPr kumimoji="0" lang="en-GB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5" name="OTLSHAPE_SLM_c4b4aefb03804a34a56286715ed736f7_Title">
            <a:extLst>
              <a:ext uri="{FF2B5EF4-FFF2-40B4-BE49-F238E27FC236}">
                <a16:creationId xmlns:a16="http://schemas.microsoft.com/office/drawing/2014/main" id="{639CB9CD-1362-7E47-B074-30FFA607580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805808" y="613774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lestone 8</a:t>
            </a:r>
          </a:p>
        </p:txBody>
      </p:sp>
      <p:sp>
        <p:nvSpPr>
          <p:cNvPr id="186" name="OTLSHAPE_SLM_c4b4aefb03804a34a56286715ed736f7_Date">
            <a:extLst>
              <a:ext uri="{FF2B5EF4-FFF2-40B4-BE49-F238E27FC236}">
                <a16:creationId xmlns:a16="http://schemas.microsoft.com/office/drawing/2014/main" id="{89A3AB46-7826-28D0-DC2A-9F10A67D137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997832" y="632379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ov 30</a:t>
            </a:r>
          </a:p>
        </p:txBody>
      </p:sp>
      <p:sp>
        <p:nvSpPr>
          <p:cNvPr id="15" name="OTLSHAPE_TB_00000000000000000000000000000000_MiddleTimescaleInterval1">
            <a:extLst>
              <a:ext uri="{FF2B5EF4-FFF2-40B4-BE49-F238E27FC236}">
                <a16:creationId xmlns:a16="http://schemas.microsoft.com/office/drawing/2014/main" id="{4D817880-6DA9-1CEB-FC84-10CF41CBE52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507366" y="1546543"/>
            <a:ext cx="27219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32" normalizeH="0" baseline="0" noProof="0">
                <a:ln>
                  <a:noFill/>
                </a:ln>
                <a:solidFill>
                  <a:srgbClr val="03045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</a:t>
            </a:r>
          </a:p>
        </p:txBody>
      </p:sp>
      <p:sp>
        <p:nvSpPr>
          <p:cNvPr id="16" name="OTLSHAPE_TB_00000000000000000000000000000000_MiddleTimescaleInterval2">
            <a:extLst>
              <a:ext uri="{FF2B5EF4-FFF2-40B4-BE49-F238E27FC236}">
                <a16:creationId xmlns:a16="http://schemas.microsoft.com/office/drawing/2014/main" id="{2841C419-B64E-4AFB-49C2-1DB7B507875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330458" y="1546543"/>
            <a:ext cx="25532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28" normalizeH="0" baseline="0" noProof="0">
                <a:ln>
                  <a:noFill/>
                </a:ln>
                <a:solidFill>
                  <a:srgbClr val="03045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p</a:t>
            </a:r>
          </a:p>
        </p:txBody>
      </p:sp>
      <p:sp>
        <p:nvSpPr>
          <p:cNvPr id="17" name="OTLSHAPE_TB_00000000000000000000000000000000_BottomTimescaleInterval1">
            <a:extLst>
              <a:ext uri="{FF2B5EF4-FFF2-40B4-BE49-F238E27FC236}">
                <a16:creationId xmlns:a16="http://schemas.microsoft.com/office/drawing/2014/main" id="{4F153FEC-8712-4034-92F0-7899A4147CD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507366" y="1738567"/>
            <a:ext cx="40703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ay 1</a:t>
            </a:r>
          </a:p>
        </p:txBody>
      </p:sp>
      <p:sp>
        <p:nvSpPr>
          <p:cNvPr id="18" name="OTLSHAPE_TB_00000000000000000000000000000000_BottomTimescaleInterval2">
            <a:extLst>
              <a:ext uri="{FF2B5EF4-FFF2-40B4-BE49-F238E27FC236}">
                <a16:creationId xmlns:a16="http://schemas.microsoft.com/office/drawing/2014/main" id="{62BD3A40-79EF-2DD3-0697-41AE33FEC56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570836" y="1738567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4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5</a:t>
            </a:r>
          </a:p>
        </p:txBody>
      </p:sp>
      <p:sp>
        <p:nvSpPr>
          <p:cNvPr id="19" name="OTLSHAPE_TB_00000000000000000000000000000000_BottomTimescaleInterval3">
            <a:extLst>
              <a:ext uri="{FF2B5EF4-FFF2-40B4-BE49-F238E27FC236}">
                <a16:creationId xmlns:a16="http://schemas.microsoft.com/office/drawing/2014/main" id="{421D6BDE-A9C3-27B1-87F0-770C190339B7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634307" y="1738567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4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9</a:t>
            </a:r>
          </a:p>
        </p:txBody>
      </p:sp>
      <p:sp>
        <p:nvSpPr>
          <p:cNvPr id="20" name="OTLSHAPE_TB_00000000000000000000000000000000_BottomTimescaleInterval4">
            <a:extLst>
              <a:ext uri="{FF2B5EF4-FFF2-40B4-BE49-F238E27FC236}">
                <a16:creationId xmlns:a16="http://schemas.microsoft.com/office/drawing/2014/main" id="{F2901A8B-5FCF-9FEC-B8CD-17FA109FA08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697778" y="1738567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4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43</a:t>
            </a:r>
          </a:p>
        </p:txBody>
      </p:sp>
      <p:sp>
        <p:nvSpPr>
          <p:cNvPr id="21" name="OTLSHAPE_TB_00000000000000000000000000000000_BottomTimescaleInterval5">
            <a:extLst>
              <a:ext uri="{FF2B5EF4-FFF2-40B4-BE49-F238E27FC236}">
                <a16:creationId xmlns:a16="http://schemas.microsoft.com/office/drawing/2014/main" id="{16933D77-8D76-08FB-1ECC-DA52CBAF968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761248" y="1738567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4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57</a:t>
            </a:r>
          </a:p>
        </p:txBody>
      </p:sp>
      <p:sp>
        <p:nvSpPr>
          <p:cNvPr id="22" name="OTLSHAPE_TB_00000000000000000000000000000000_BottomTimescaleInterval6">
            <a:extLst>
              <a:ext uri="{FF2B5EF4-FFF2-40B4-BE49-F238E27FC236}">
                <a16:creationId xmlns:a16="http://schemas.microsoft.com/office/drawing/2014/main" id="{487052DF-249E-A2B2-536B-CFEB016A9D8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824718" y="1738567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4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71</a:t>
            </a:r>
          </a:p>
        </p:txBody>
      </p:sp>
      <p:sp>
        <p:nvSpPr>
          <p:cNvPr id="23" name="OTLSHAPE_TB_00000000000000000000000000000000_BottomTimescaleInterval7">
            <a:extLst>
              <a:ext uri="{FF2B5EF4-FFF2-40B4-BE49-F238E27FC236}">
                <a16:creationId xmlns:a16="http://schemas.microsoft.com/office/drawing/2014/main" id="{6D5C1CC3-0FB3-F82B-EDD3-23AE1DC32AF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888189" y="1738567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4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85</a:t>
            </a:r>
            <a:endParaRPr kumimoji="0" lang="en-GB" sz="1400" b="0" i="0" u="none" strike="noStrike" kern="1200" cap="none" spc="-4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TB_00000000000000000000000000000000_MiddleTimescaleInterval3">
            <a:extLst>
              <a:ext uri="{FF2B5EF4-FFF2-40B4-BE49-F238E27FC236}">
                <a16:creationId xmlns:a16="http://schemas.microsoft.com/office/drawing/2014/main" id="{98DAA381-B4E0-F0C2-FAB5-94A460A586D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609324" y="1546543"/>
            <a:ext cx="24487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28" normalizeH="0" baseline="0" noProof="0">
                <a:ln>
                  <a:noFill/>
                </a:ln>
                <a:solidFill>
                  <a:srgbClr val="03045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</a:t>
            </a:r>
            <a:endParaRPr kumimoji="0" lang="en-GB" sz="1400" b="0" i="0" u="none" strike="noStrike" kern="1200" cap="none" spc="-28" normalizeH="0" baseline="0" noProof="0" dirty="0">
              <a:ln>
                <a:noFill/>
              </a:ln>
              <a:solidFill>
                <a:srgbClr val="03045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TB_00000000000000000000000000000000_MiddleTimescaleInterval4">
            <a:extLst>
              <a:ext uri="{FF2B5EF4-FFF2-40B4-BE49-F238E27FC236}">
                <a16:creationId xmlns:a16="http://schemas.microsoft.com/office/drawing/2014/main" id="{F0B2AF34-18BF-F752-9091-3DFF5391F24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964151" y="1546543"/>
            <a:ext cx="27943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30" normalizeH="0" baseline="0" noProof="0">
                <a:ln>
                  <a:noFill/>
                </a:ln>
                <a:solidFill>
                  <a:srgbClr val="03045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ov</a:t>
            </a:r>
          </a:p>
        </p:txBody>
      </p:sp>
      <p:sp>
        <p:nvSpPr>
          <p:cNvPr id="45" name="OTLSHAPE_TB_00000000000000000000000000000000_MiddleTimescaleInterval5">
            <a:extLst>
              <a:ext uri="{FF2B5EF4-FFF2-40B4-BE49-F238E27FC236}">
                <a16:creationId xmlns:a16="http://schemas.microsoft.com/office/drawing/2014/main" id="{0FBC4CD1-2645-3049-6ADC-E2451B49121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243017" y="1546543"/>
            <a:ext cx="26494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30" normalizeH="0" baseline="0" noProof="0">
                <a:ln>
                  <a:noFill/>
                </a:ln>
                <a:solidFill>
                  <a:srgbClr val="03045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</a:t>
            </a:r>
          </a:p>
        </p:txBody>
      </p:sp>
      <p:sp>
        <p:nvSpPr>
          <p:cNvPr id="46" name="OTLSHAPE_TB_00000000000000000000000000000000_BottomTimescaleInterval8">
            <a:extLst>
              <a:ext uri="{FF2B5EF4-FFF2-40B4-BE49-F238E27FC236}">
                <a16:creationId xmlns:a16="http://schemas.microsoft.com/office/drawing/2014/main" id="{3036D76A-6368-5CB5-130E-D44432CE0B5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951659" y="1738567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4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9</a:t>
            </a:r>
          </a:p>
        </p:txBody>
      </p:sp>
      <p:sp>
        <p:nvSpPr>
          <p:cNvPr id="33" name="OTLSHAPE_TB_00000000000000000000000000000000_BottomTimescaleInterval9">
            <a:extLst>
              <a:ext uri="{FF2B5EF4-FFF2-40B4-BE49-F238E27FC236}">
                <a16:creationId xmlns:a16="http://schemas.microsoft.com/office/drawing/2014/main" id="{736494F8-681D-2729-EECE-8DA7DCDA1BB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015130" y="1738567"/>
            <a:ext cx="26334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2">
                <a:solidFill>
                  <a:schemeClr val="lt1"/>
                </a:solidFill>
                <a:latin typeface="Calibri" panose="020F0502020204030204" pitchFamily="34" charset="0"/>
              </a:rPr>
              <a:t>113</a:t>
            </a:r>
          </a:p>
        </p:txBody>
      </p:sp>
      <p:sp>
        <p:nvSpPr>
          <p:cNvPr id="40" name="OTLSHAPE_TB_00000000000000000000000000000000_TodayMarkerText" hidden="1">
            <a:extLst>
              <a:ext uri="{FF2B5EF4-FFF2-40B4-BE49-F238E27FC236}">
                <a16:creationId xmlns:a16="http://schemas.microsoft.com/office/drawing/2014/main" id="{E8E375F6-1F7F-2E95-0EF0-1FCA5BCBD58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2" name="OTLSHAPE_SLT_d58656c62bc34d06bc71a41cb30bb808_Duration" hidden="1">
            <a:extLst>
              <a:ext uri="{FF2B5EF4-FFF2-40B4-BE49-F238E27FC236}">
                <a16:creationId xmlns:a16="http://schemas.microsoft.com/office/drawing/2014/main" id="{7AB54D2B-3ABC-FDC6-13E7-87B7962FB32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53" name="OTLSHAPE_SLT_d58656c62bc34d06bc71a41cb30bb808_TextPercentage" hidden="1">
            <a:extLst>
              <a:ext uri="{FF2B5EF4-FFF2-40B4-BE49-F238E27FC236}">
                <a16:creationId xmlns:a16="http://schemas.microsoft.com/office/drawing/2014/main" id="{15E873FE-FFE4-ADBE-AD3D-66D1C3E2E01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d58656c62bc34d06bc71a41cb30bb808_StartDate" hidden="1">
            <a:extLst>
              <a:ext uri="{FF2B5EF4-FFF2-40B4-BE49-F238E27FC236}">
                <a16:creationId xmlns:a16="http://schemas.microsoft.com/office/drawing/2014/main" id="{A3F5B088-C662-5081-1030-6573A4711BE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d58656c62bc34d06bc71a41cb30bb808_EndDate" hidden="1">
            <a:extLst>
              <a:ext uri="{FF2B5EF4-FFF2-40B4-BE49-F238E27FC236}">
                <a16:creationId xmlns:a16="http://schemas.microsoft.com/office/drawing/2014/main" id="{6F959EF6-C1D4-2499-066A-FC888A12566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affec12f4e8d4a6ea8ece39fc768731a_Duration" hidden="1">
            <a:extLst>
              <a:ext uri="{FF2B5EF4-FFF2-40B4-BE49-F238E27FC236}">
                <a16:creationId xmlns:a16="http://schemas.microsoft.com/office/drawing/2014/main" id="{43784BEE-8DEB-1DC2-5325-7BEE221B7FF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58" name="OTLSHAPE_SLT_affec12f4e8d4a6ea8ece39fc768731a_TextPercentage" hidden="1">
            <a:extLst>
              <a:ext uri="{FF2B5EF4-FFF2-40B4-BE49-F238E27FC236}">
                <a16:creationId xmlns:a16="http://schemas.microsoft.com/office/drawing/2014/main" id="{660D33E9-CD98-AC9C-E0A9-3A827A2E49E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affec12f4e8d4a6ea8ece39fc768731a_StartDate" hidden="1">
            <a:extLst>
              <a:ext uri="{FF2B5EF4-FFF2-40B4-BE49-F238E27FC236}">
                <a16:creationId xmlns:a16="http://schemas.microsoft.com/office/drawing/2014/main" id="{5C135017-D521-C3B3-3FB4-CE748489082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affec12f4e8d4a6ea8ece39fc768731a_EndDate" hidden="1">
            <a:extLst>
              <a:ext uri="{FF2B5EF4-FFF2-40B4-BE49-F238E27FC236}">
                <a16:creationId xmlns:a16="http://schemas.microsoft.com/office/drawing/2014/main" id="{8D517F4B-7E95-AE46-BD73-6A9A8B09A36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b550e5804b644ea38f351aa4de247961_Duration" hidden="1">
            <a:extLst>
              <a:ext uri="{FF2B5EF4-FFF2-40B4-BE49-F238E27FC236}">
                <a16:creationId xmlns:a16="http://schemas.microsoft.com/office/drawing/2014/main" id="{F3972000-D62A-6399-3C4F-0138963E1F3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71" name="OTLSHAPE_SLT_b550e5804b644ea38f351aa4de247961_TextPercentage" hidden="1">
            <a:extLst>
              <a:ext uri="{FF2B5EF4-FFF2-40B4-BE49-F238E27FC236}">
                <a16:creationId xmlns:a16="http://schemas.microsoft.com/office/drawing/2014/main" id="{4226D82D-9153-D648-87EA-C71E8BE09CE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b550e5804b644ea38f351aa4de247961_StartDate" hidden="1">
            <a:extLst>
              <a:ext uri="{FF2B5EF4-FFF2-40B4-BE49-F238E27FC236}">
                <a16:creationId xmlns:a16="http://schemas.microsoft.com/office/drawing/2014/main" id="{209A149E-65E7-D857-3B68-C14B359CE1D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b550e5804b644ea38f351aa4de247961_EndDate" hidden="1">
            <a:extLst>
              <a:ext uri="{FF2B5EF4-FFF2-40B4-BE49-F238E27FC236}">
                <a16:creationId xmlns:a16="http://schemas.microsoft.com/office/drawing/2014/main" id="{79850392-B4F2-6499-5B43-098F65E0CDB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3432972f0b9640c6bec70d22b710c5c4_Duration" hidden="1">
            <a:extLst>
              <a:ext uri="{FF2B5EF4-FFF2-40B4-BE49-F238E27FC236}">
                <a16:creationId xmlns:a16="http://schemas.microsoft.com/office/drawing/2014/main" id="{132D73DF-829F-AAD5-6B13-A8BBE767F84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78" name="OTLSHAPE_SLT_3432972f0b9640c6bec70d22b710c5c4_TextPercentage" hidden="1">
            <a:extLst>
              <a:ext uri="{FF2B5EF4-FFF2-40B4-BE49-F238E27FC236}">
                <a16:creationId xmlns:a16="http://schemas.microsoft.com/office/drawing/2014/main" id="{E40631BC-253A-C792-9A83-1529CFC93F4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3432972f0b9640c6bec70d22b710c5c4_StartDate" hidden="1">
            <a:extLst>
              <a:ext uri="{FF2B5EF4-FFF2-40B4-BE49-F238E27FC236}">
                <a16:creationId xmlns:a16="http://schemas.microsoft.com/office/drawing/2014/main" id="{21C1E715-C26B-14DC-20FA-F5F110D5592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3432972f0b9640c6bec70d22b710c5c4_EndDate" hidden="1">
            <a:extLst>
              <a:ext uri="{FF2B5EF4-FFF2-40B4-BE49-F238E27FC236}">
                <a16:creationId xmlns:a16="http://schemas.microsoft.com/office/drawing/2014/main" id="{EBFFCE92-053A-8795-D8D5-87696735D7B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5054cad128ea4d8aab4b9cc464713a7a_Duration" hidden="1">
            <a:extLst>
              <a:ext uri="{FF2B5EF4-FFF2-40B4-BE49-F238E27FC236}">
                <a16:creationId xmlns:a16="http://schemas.microsoft.com/office/drawing/2014/main" id="{6857A991-4FF8-C972-941D-9120C8F4D63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90" name="OTLSHAPE_SLT_5054cad128ea4d8aab4b9cc464713a7a_TextPercentage" hidden="1">
            <a:extLst>
              <a:ext uri="{FF2B5EF4-FFF2-40B4-BE49-F238E27FC236}">
                <a16:creationId xmlns:a16="http://schemas.microsoft.com/office/drawing/2014/main" id="{81332DE5-C1D0-162F-26EE-3B952E184BE0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5054cad128ea4d8aab4b9cc464713a7a_StartDate" hidden="1">
            <a:extLst>
              <a:ext uri="{FF2B5EF4-FFF2-40B4-BE49-F238E27FC236}">
                <a16:creationId xmlns:a16="http://schemas.microsoft.com/office/drawing/2014/main" id="{E3493257-A676-7445-AF49-DE23DFD4720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5054cad128ea4d8aab4b9cc464713a7a_EndDate" hidden="1">
            <a:extLst>
              <a:ext uri="{FF2B5EF4-FFF2-40B4-BE49-F238E27FC236}">
                <a16:creationId xmlns:a16="http://schemas.microsoft.com/office/drawing/2014/main" id="{803A7A3C-E472-686D-CED9-49322CA5E6F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f85abf81016b446d8fe2aac1a8a3d57c_Duration" hidden="1">
            <a:extLst>
              <a:ext uri="{FF2B5EF4-FFF2-40B4-BE49-F238E27FC236}">
                <a16:creationId xmlns:a16="http://schemas.microsoft.com/office/drawing/2014/main" id="{3DB752BD-0B44-91A0-27F8-D5DDC2ACB87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9" name="OTLSHAPE_SLT_f85abf81016b446d8fe2aac1a8a3d57c_TextPercentage" hidden="1">
            <a:extLst>
              <a:ext uri="{FF2B5EF4-FFF2-40B4-BE49-F238E27FC236}">
                <a16:creationId xmlns:a16="http://schemas.microsoft.com/office/drawing/2014/main" id="{7F48C2C6-4174-AAB9-70C1-CCD4EB916DFD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f85abf81016b446d8fe2aac1a8a3d57c_StartDate" hidden="1">
            <a:extLst>
              <a:ext uri="{FF2B5EF4-FFF2-40B4-BE49-F238E27FC236}">
                <a16:creationId xmlns:a16="http://schemas.microsoft.com/office/drawing/2014/main" id="{B4FF2A35-5D1B-814F-408F-88C8C14C998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f85abf81016b446d8fe2aac1a8a3d57c_EndDate" hidden="1">
            <a:extLst>
              <a:ext uri="{FF2B5EF4-FFF2-40B4-BE49-F238E27FC236}">
                <a16:creationId xmlns:a16="http://schemas.microsoft.com/office/drawing/2014/main" id="{D4558AD1-9DA0-1DCB-12D9-F2386A5AC8E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M_d575a3f33c634dd9b522f60b0d17fcb6_Shape">
            <a:extLst>
              <a:ext uri="{FF2B5EF4-FFF2-40B4-BE49-F238E27FC236}">
                <a16:creationId xmlns:a16="http://schemas.microsoft.com/office/drawing/2014/main" id="{DF6C7720-8363-052B-648E-927B6566572A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 flipV="1">
            <a:off x="1329566" y="1181100"/>
            <a:ext cx="228600" cy="254000"/>
          </a:xfrm>
          <a:prstGeom prst="triangle">
            <a:avLst/>
          </a:prstGeom>
          <a:solidFill>
            <a:srgbClr val="0077B6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M_488ca4d95505448a8256232b9c68b701_Shape">
            <a:extLst>
              <a:ext uri="{FF2B5EF4-FFF2-40B4-BE49-F238E27FC236}">
                <a16:creationId xmlns:a16="http://schemas.microsoft.com/office/drawing/2014/main" id="{4F55AB64-0C2C-2D8E-5932-847DD9B34E14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 flipV="1">
            <a:off x="10596952" y="1181100"/>
            <a:ext cx="228600" cy="254000"/>
          </a:xfrm>
          <a:prstGeom prst="triangle">
            <a:avLst/>
          </a:prstGeom>
          <a:solidFill>
            <a:srgbClr val="0077B6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M_e1683c0b2f254095aae719e9a6e92aa2_Shape">
            <a:extLst>
              <a:ext uri="{FF2B5EF4-FFF2-40B4-BE49-F238E27FC236}">
                <a16:creationId xmlns:a16="http://schemas.microsoft.com/office/drawing/2014/main" id="{F9F1BD44-87D7-894F-D52D-4A9916F709C5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 flipV="1">
            <a:off x="5659410" y="1181100"/>
            <a:ext cx="228600" cy="254000"/>
          </a:xfrm>
          <a:prstGeom prst="triangle">
            <a:avLst/>
          </a:prstGeom>
          <a:solidFill>
            <a:srgbClr val="0077B6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A_7295a39471ef460a85251d6c112e0d0d_Shape">
            <a:extLst>
              <a:ext uri="{FF2B5EF4-FFF2-40B4-BE49-F238E27FC236}">
                <a16:creationId xmlns:a16="http://schemas.microsoft.com/office/drawing/2014/main" id="{3F49BD32-2140-061C-6B98-C68FF04023DB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3532417" y="3545967"/>
            <a:ext cx="228600" cy="254000"/>
          </a:xfrm>
          <a:prstGeom prst="diamond">
            <a:avLst/>
          </a:prstGeom>
          <a:solidFill>
            <a:srgbClr val="D62828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A_b00f312fc49443a7932d73b5496a9f51_Shape">
            <a:extLst>
              <a:ext uri="{FF2B5EF4-FFF2-40B4-BE49-F238E27FC236}">
                <a16:creationId xmlns:a16="http://schemas.microsoft.com/office/drawing/2014/main" id="{EF42445A-0608-6053-1052-1254EF5F5C67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7064777" y="4331546"/>
            <a:ext cx="152400" cy="177800"/>
          </a:xfrm>
          <a:prstGeom prst="flowChartManualOperation">
            <a:avLst/>
          </a:prstGeom>
          <a:solidFill>
            <a:srgbClr val="03045E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9" name="OTLSHAPE_M_d575a3f33c634dd9b522f60b0d17fcb6_Title">
            <a:extLst>
              <a:ext uri="{FF2B5EF4-FFF2-40B4-BE49-F238E27FC236}">
                <a16:creationId xmlns:a16="http://schemas.microsoft.com/office/drawing/2014/main" id="{5A2EFEEC-57D0-93FE-4DFB-2A81AB30497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14932" y="789220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ject Initiation</a:t>
            </a:r>
          </a:p>
        </p:txBody>
      </p:sp>
      <p:sp>
        <p:nvSpPr>
          <p:cNvPr id="60" name="OTLSHAPE_M_d575a3f33c634dd9b522f60b0d17fcb6_Date">
            <a:extLst>
              <a:ext uri="{FF2B5EF4-FFF2-40B4-BE49-F238E27FC236}">
                <a16:creationId xmlns:a16="http://schemas.microsoft.com/office/drawing/2014/main" id="{FB8A319C-C515-B8C3-0FAB-D65076529AE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97329" y="10006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 8</a:t>
            </a:r>
          </a:p>
        </p:txBody>
      </p:sp>
      <p:sp>
        <p:nvSpPr>
          <p:cNvPr id="62" name="OTLSHAPE_M_488ca4d95505448a8256232b9c68b701_Title">
            <a:extLst>
              <a:ext uri="{FF2B5EF4-FFF2-40B4-BE49-F238E27FC236}">
                <a16:creationId xmlns:a16="http://schemas.microsoft.com/office/drawing/2014/main" id="{D493500B-AA6A-B88B-192B-A3AA1BCA108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0234388" y="78922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ject Closure</a:t>
            </a:r>
          </a:p>
        </p:txBody>
      </p:sp>
      <p:sp>
        <p:nvSpPr>
          <p:cNvPr id="63" name="OTLSHAPE_M_488ca4d95505448a8256232b9c68b701_Date">
            <a:extLst>
              <a:ext uri="{FF2B5EF4-FFF2-40B4-BE49-F238E27FC236}">
                <a16:creationId xmlns:a16="http://schemas.microsoft.com/office/drawing/2014/main" id="{A72096D9-7A60-971D-F02E-C50722E28201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567170" y="10006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8</a:t>
            </a:r>
          </a:p>
        </p:txBody>
      </p:sp>
      <p:sp>
        <p:nvSpPr>
          <p:cNvPr id="65" name="OTLSHAPE_M_e1683c0b2f254095aae719e9a6e92aa2_Title">
            <a:extLst>
              <a:ext uri="{FF2B5EF4-FFF2-40B4-BE49-F238E27FC236}">
                <a16:creationId xmlns:a16="http://schemas.microsoft.com/office/drawing/2014/main" id="{4FC68010-70BC-BA85-B793-2F47F7F52BE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5359627" y="789220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ject Audit</a:t>
            </a:r>
          </a:p>
        </p:txBody>
      </p:sp>
      <p:sp>
        <p:nvSpPr>
          <p:cNvPr id="66" name="OTLSHAPE_M_e1683c0b2f254095aae719e9a6e92aa2_Date">
            <a:extLst>
              <a:ext uri="{FF2B5EF4-FFF2-40B4-BE49-F238E27FC236}">
                <a16:creationId xmlns:a16="http://schemas.microsoft.com/office/drawing/2014/main" id="{98D1A0EA-991E-78D6-0553-3BAED8C29D10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5636995" y="10006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 4</a:t>
            </a:r>
          </a:p>
        </p:txBody>
      </p:sp>
      <p:sp>
        <p:nvSpPr>
          <p:cNvPr id="5" name="OTLSHAPE_SLA_7295a39471ef460a85251d6c112e0d0d_Title">
            <a:extLst>
              <a:ext uri="{FF2B5EF4-FFF2-40B4-BE49-F238E27FC236}">
                <a16:creationId xmlns:a16="http://schemas.microsoft.com/office/drawing/2014/main" id="{07D8A43C-025D-2B8C-A14C-AB4BC2752FA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273061" y="315408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lestone 2</a:t>
            </a:r>
          </a:p>
        </p:txBody>
      </p:sp>
      <p:sp>
        <p:nvSpPr>
          <p:cNvPr id="10" name="OTLSHAPE_SLA_7295a39471ef460a85251d6c112e0d0d_Date">
            <a:extLst>
              <a:ext uri="{FF2B5EF4-FFF2-40B4-BE49-F238E27FC236}">
                <a16:creationId xmlns:a16="http://schemas.microsoft.com/office/drawing/2014/main" id="{BC5FB8CC-D476-6404-F650-A8872F2693B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3506043" y="336554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5</a:t>
            </a:r>
          </a:p>
        </p:txBody>
      </p:sp>
      <p:sp>
        <p:nvSpPr>
          <p:cNvPr id="27" name="OTLSHAPE_SLA_b00f312fc49443a7932d73b5496a9f51_Title">
            <a:extLst>
              <a:ext uri="{FF2B5EF4-FFF2-40B4-BE49-F238E27FC236}">
                <a16:creationId xmlns:a16="http://schemas.microsoft.com/office/drawing/2014/main" id="{BF690A87-85D1-5B7F-D9F2-6BDD56C64DB1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767321" y="393966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lestone 4</a:t>
            </a:r>
          </a:p>
        </p:txBody>
      </p:sp>
      <p:sp>
        <p:nvSpPr>
          <p:cNvPr id="28" name="OTLSHAPE_SLA_b00f312fc49443a7932d73b5496a9f51_Date">
            <a:extLst>
              <a:ext uri="{FF2B5EF4-FFF2-40B4-BE49-F238E27FC236}">
                <a16:creationId xmlns:a16="http://schemas.microsoft.com/office/drawing/2014/main" id="{E21556EB-F27E-4624-4D77-B03EF535250B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6972067" y="415112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1</a:t>
            </a:r>
          </a:p>
        </p:txBody>
      </p:sp>
      <p:pic>
        <p:nvPicPr>
          <p:cNvPr id="50" name="Picture 49" descr="Icon&#10;&#10;Description automatically generated">
            <a:extLst>
              <a:ext uri="{FF2B5EF4-FFF2-40B4-BE49-F238E27FC236}">
                <a16:creationId xmlns:a16="http://schemas.microsoft.com/office/drawing/2014/main" id="{D1769A82-DE68-5E00-47F7-BB7EEFBE2A56}"/>
              </a:ext>
            </a:extLst>
          </p:cNvPr>
          <p:cNvPicPr>
            <a:picLocks noChangeAspect="1"/>
          </p:cNvPicPr>
          <p:nvPr/>
        </p:nvPicPr>
        <p:blipFill>
          <a:blip r:embed="rId12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9825519" y="5190133"/>
            <a:ext cx="2793153" cy="321429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BAADF427-367A-B2E2-6BA5-DA29B3673EEC}"/>
              </a:ext>
            </a:extLst>
          </p:cNvPr>
          <p:cNvSpPr txBox="1"/>
          <p:nvPr/>
        </p:nvSpPr>
        <p:spPr>
          <a:xfrm>
            <a:off x="3532417" y="168086"/>
            <a:ext cx="467493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/>
              <a:t>Project Schedule 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5254031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4LTEzVDAwOjAwOjAwWiIsIkVuZERhdGUiOiIyMDI1LTEwLTA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nsiJGlkIjoiODAiLCJMaW5lQ29sb3IiOm51bGwsIkxpbmVXZWlnaHQiOjAuMCwiTGluZVR5cGUiOjAsIlBhcmVudFN0eWxlIjpudWxsfS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pZCI6Ijg4IiwiQSI6MCwiUiI6MjU1LCJHIjoyNTUsIkIiOjI1NX19LCJJc1Zpc2libGUiOnRydWUsIldpZHRoIjowLjAsIkhlaWdodCI6MC4wLCJCb3JkZXJTdHlsZSI6eyIkaWQiOiI4OSIsIkxpbmVDb2xvciI6bnVsbCwiTGluZVdlaWdodCI6MC4wLCJMaW5lVHlwZSI6MCwiUGFyZW50U3R5bGUiOm51bGx9LCJQYXJlbnRTdHlsZSI6bnVsbH0sIkRhdGVGb3JtYXQiOnsiJGlkIjoi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MCwiUiI6MjU1LCJHIjoyNTUsIkIiOjI1NX19LCJJc1Zpc2libGUiOnRydWUsIldpZHRoIjowLjAsIkhlaWdodCI6MC4wLCJCb3JkZXJTdHlsZSI6eyIkaWQiOiIxNzkiLCJMaW5lQ29sb3IiOm51bGwsIkxpbmVXZWlnaHQiOjAuMCwiTGluZVR5cGUiOjAsIlBhcmVudFN0eWxlIjpudWxsfS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pZCI6IjE4MiIsIkNvbG9yIjp7IiRpZCI6IjE4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5IiwiVG9wIjowLjAsIkxlZnQiOjAuMCwiUmlnaHQiOjAuMCwiQm90dG9tIjowLjB9LCJQYWRkaW5nIjp7IiRpZCI6IjIwMCIsIlRvcCI6MC4wLCJMZWZ0IjowLjAsIlJpZ2h0IjowLjAsIkJvdHRvbSI6MC4wfSwiQmFja2dyb3VuZCI6eyIkaWQiOiIyMDEiLCJDb2xvciI6eyIkaWQiOiIyMDIiLCJBIjo4OSwiUiI6MCwiRyI6MCwiQiI6MH1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uMCwiTGVmdCI6MC4wLCJSaWdodCI6MC4wLCJCb3R0b20iOjAuMH0sIlBhZGRpbmciOnsiJGlkIjoiMjA5IiwiVG9wIjowLjAsIkxlZnQiOjAuMCwiUmlnaHQiOjAuMCwiQm90dG9tIjowLjB9LCJCYWNrZ3JvdW5kIjp7IiRpZCI6IjIxMCIsIkNvbG9yIjp7IiRyZWYiOiIyMDIifX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GlkIjoiMjEzIiwiJHR5cGUiOiJOTFJFLkNvbW1vbi5Eb20uU29saWRDb2xvckJydXNoLCBOTFJFLkNvbW1vbiIsIkNvbG9yIjp7IiRpZCI6IjIxNCIsIkEiOjI1NSwiUiI6MjA0LCJHIjoyMDQsIkIiOjIwNH19LCJMaW5lV2VpZ2h0IjoxLjAsIkxpbmVUeXBlIjowLCJQYXJlbnRTdHlsZSI6bnVsbH0sIlZlcnRpY2FsQ29ubmVjdG9yU3R5bGUiOnsiJGlkIjoiMjE1IiwiTGluZUNvbG9yIjp7IiRpZCI6IjIxNiIsIiR0eXBlIjoiTkxSRS5Db21tb24uRG9tLlNvbGlkQ29sb3JCcnVzaCwgTkxSRS5Db21tb24iLCJDb2xvciI6eyIkaWQiOiIyMTc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yMzAiLCJUb3AiOjAuMCwiTGVmdCI6MC4wLCJSaWdodCI6MC4wLCJCb3R0b20iOjAuMH0sIlBhZGRpbmciOnsiJGlkIjoiMjMxIiwiVG9wIjowLjAsIkxlZnQiOjAuMCwiUmlnaHQiOjAuMCwiQm90dG9tIjowLjB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MTAsIkZvbnROYW1lIjoiQ2FsaWJyaSIsIklzQm9sZCI6ZmFsc2UsIklzSXRhbGljIjpmYWxzZSwiSXNVbmRlcmxpbmVkIjpmYWxzZSwiUGFyZW50U3R5bGUiOm51bGx9LCJBdXRvU2l6ZSI6MCwiRm9yZWdyb3VuZCI6eyIkaWQiOiIyMzciLCJDb2xvciI6eyIkaWQiOiIy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Rm9ybWF0Ijp7IiRpZCI6IjI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pZCI6IjM0MiIsIkNvbG9yIjp7IiRpZCI6IjM0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NzUiLCJUb3AiOjAuMCwiTGVmdCI6MC4wLCJSaWdodCI6MC4wLCJCb3R0b20iOjAuMH0sIlBhZGRpbmciOnsiJGlkIjoiMzc2IiwiVG9wIjowLjAsIkxlZnQiOjAuMCwiUmlnaHQiOjAuMCwiQm90dG9tIjowLjB9LCJCYWNrZ3JvdW5kIjp7IiRpZCI6IjM3NyIsIkNvbG9yIjp7IiRpZCI6IjM3OCIsIkEiOjAsIlIiOjI1NSwiRyI6MjU1LCJCIjoyNTV9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aWQiOiIz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AiLCJGb3JtYXQiOjAsIklzVmlzaWJsZSI6ZmFsc2UsIkxhc3RLbm93blZpc2liaWxpdHlTdGF0ZSI6ZmFsc2V9LCJJc1Zpc2libGUiOnRydWUsIlBhcmVudFN0eWxlIjpudWxsLCJfZXhwbGljaXRseVNldCI6eyIkaWQiOiIzO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Q4IiwiVG9wIjowLjAsIkxlZnQiOjAuMCwiUmlnaHQiOjAuMCwiQm90dG9tIjowLjB9LCJQYWRkaW5nIjp7IiRpZCI6IjQ0OSIsIlRvcCI6MC4wLCJMZWZ0IjowLjAsIlJpZ2h0IjowLjAsIkJvdHRvbSI6MC4w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Gb3JtYXQiOnsiJGlkIjoiND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UzNiIsIlRvcCI6MC4wLCJMZWZ0IjowLjAsIlJpZ2h0IjowLjAsIkJvdHRvbSI6MC4wfSwiUGFkZGluZyI6eyIkaWQiOiI1MzciLCJUb3AiOjAuMCwiTGVmdCI6MC4wLCJSaWdodCI6MC4wLCJCb3R0b20iOjAuMH0sIkJhY2tncm91bmQiOnsiJGlkIjoiNTM4IiwiQ29sb3IiOnsiJGlkIjoiNTM5IiwiQSI6ODksIlIiOjAsIkciOjAsIkIiOjB9fSwiSXNWaXNpYmxlIjp0cnVlLCJXaWR0aCI6MC4wLCJIZWlnaHQiOjAuMCwiQm9yZGVyU3R5bGUiOnsiJGlkIjoiNTQwIiwiTGluZUNvbG9yIjpudWxsLCJMaW5lV2VpZ2h0IjowLjAsIkxpbmVUeXBlIjowLCJQYXJlbnRTdHlsZSI6bnVsbH0sIlBhcmVudFN0eWxlIjpudWxsfSwiRHVyYXRpb25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gzIiwiRm9ybWF0IjowLCJJc1Zpc2libGUiOmZhbHNlLCJMYXN0S25vd25WaXNpYmlsaXR5U3RhdGUiOmZhbHNlfSwiSXNWaXNpYmxlIjp0cnVlLCJQYXJlbnRTdHlsZSI6bnVsbCwiX2V4cGxpY2l0bHlTZXQiOnsiJGlkIjoiMTA4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MxMyIsIlRvcCI6MC4wLCJMZWZ0IjowLjAsIlJpZ2h0IjowLjAsIkJvdHRvbSI6MC4wfSwiUGFkZGluZyI6eyIkaWQiOiIxMzE0IiwiVG9wIjowLjAsIkxlZnQiOjAuMCwiUmlnaHQiOjAuMCwiQm90dG9tIjowLjB9LCJCYWNrZ3JvdW5kIjp7IiRpZCI6IjEzMTUiLCJDb2xvciI6eyIkaWQiOiIxMzE2IiwiQSI6MCwiUiI6MjU1LCJHIjoyNTUsIkIiOjI1NX19LCJJc1Zpc2libGUiOnRydWUsIldpZHRoIjowLjAsIkhlaWdodCI6MC4wLCJCb3JkZXJTdHlsZSI6bnVsbCwiUGFyZW50U3R5bGUiOm51bGx9LCJEYXRlRm9ybWF0Ijp7IiRpZCI6IjEz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zNDUiLCJUb3AiOjAuMCwiTGVmdCI6MC4wLCJSaWdodCI6MC4wLCJCb3R0b20iOjAuMH0sIlBhZGRpbmciOnsiJGlkIjoiMTM0NiIsIlRvcCI6MC4wLCJMZWZ0IjowLjAsIlJpZ2h0IjowLjAsIkJvdHRvbSI6MC4wfSwiQmFja2dyb3VuZCI6eyIkaWQiOiIxMzQ3IiwiQ29sb3IiOnsiJGlkIjoiMTM0OCIsIkEiOjAsIlIiOjI1NSwiRyI6MjU1LCJCIjoyNTV9fSwiSXNWaXNpYmxlIjp0cnVlLCJXaWR0aCI6MC4wLCJIZWlnaHQiOjAuMCwiQm9yZGVyU3R5bGUiOm51bGwsIlBhcmVudFN0eWxlIjpudWxsfSwiRGF0ZUZvcm1hdCI6eyIkaWQiOiIxMz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5MSIsIlRvcCI6MC4wLCJMZWZ0IjowLjAsIlJpZ2h0IjowLjAsIkJvdHRvbSI6MC4wfSwiUGFkZGluZyI6eyIkaWQiOiIxMzkyIiwiVG9wIjowLjAsIkxlZnQiOjAuMCwiUmlnaHQiOjAuMCwiQm90dG9tIjowLjB9LCJCYWNrZ3JvdW5kIjp7IiRpZCI6IjEzOTMiLCJDb2xvciI6eyIkcmVmIjoiMTIzNyJ9fSwiSXNWaXNpYmxlIjp0cnVlLCJXaWR0aCI6MC4wLCJIZWlnaHQiOjAuMCwiQm9yZGVyU3R5bGUiOm51bGwsIlBhcmVudFN0eWxlIjpudWxsfSwiRGF0ZUZvcm1hdCI6eyIkaWQiOiIxMz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TUiLCJGb3JtYXQiOjAsIklzVmlzaWJsZSI6ZmFsc2UsIkxhc3RLbm93blZpc2liaWxpdHlTdGF0ZSI6ZmFsc2V9LCJJc1Zpc2libGUiOnRydWUsIlBhcmVudFN0eWxlIjpudWxsLCJfZXhwbGljaXRseVNldCI6eyIkaWQiOiIxMz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TgiLCJUb3AiOjAuMCwiTGVmdCI6MC4wLCJSaWdodCI6MC4wLCJCb3R0b20iOjAuMH0sIlBhZGRpbmciOnsiJGlkIjoiMTQxOSIsIlRvcCI6MC4wLCJMZWZ0IjowLjAsIlJpZ2h0IjowLjAsIkJvdHRvbSI6MC4wfSwiQmFja2dyb3VuZCI6eyIkaWQiOiIxNDIwIiwiQ29sb3IiOnsiJGlkIjoiMTQyMSIsIkEiOjAsIlIiOjAsIkciOjAsIkIiOjB9fSwiSXNWaXNpYmxlIjp0cnVlLCJXaWR0aCI6MC4wLCJIZWlnaHQiOjAuMCwiQm9yZGVyU3R5bGUiOm51bGwsIlBhcmVudFN0eWxlIjpudWxsfSwiRGF0ZUZvcm1hdCI6eyIkaWQiOiIxND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xOSIsIlRvcCI6MC4wLCJMZWZ0IjowLjAsIlJpZ2h0IjowLjAsIkJvdHRvbSI6MC4wfSwiUGFkZGluZyI6eyIkaWQiOiIxNTIwIiwiVG9wIjowLjAsIkxlZnQiOjAuMCwiUmlnaHQiOjAuMCwiQm90dG9tIjowLjB9LCJCYWNrZ3JvdW5kIjp7IiRpZCI6IjE1MjEiLCJDb2xvciI6eyIkaWQiOiIxNTIyIiwiQSI6MCwiUiI6MjU1LCJHIjoyNTUsIkIiOjI1NX19LCJJc1Zpc2libGUiOnRydWUsIldpZHRoIjowLjAsIkhlaWdodCI6MC4wLCJCb3JkZXJTdHlsZSI6bnVsbCwiUGFyZW50U3R5bGUiOm51bGx9LCJEYXRlRm9ybWF0Ijp7IiRpZCI6IjE1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NCIsIkZvcm1hdCI6MCwiSXNWaXNpYmxlIjpmYWxzZSwiTGFzdEtub3duVmlzaWJpbGl0eVN0YXRlIjpmYWxzZX0sIklzVmlzaWJsZSI6dHJ1ZSwiUGFyZW50U3R5bGUiOm51bGwsIl9leHBsaWNpdGx5U2V0Ijp7IiRpZCI6IjE1Mj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TUyIiwiVG9wIjowLjAsIkxlZnQiOjAuMCwiUmlnaHQiOjAuMCwiQm90dG9tIjowLjB9LCJQYWRkaW5nIjp7IiRpZCI6IjE1NTMiLCJUb3AiOjAuMCwiTGVmdCI6MC4wLCJSaWdodCI6MC4wLCJCb3R0b20iOjAuMH0sIkJhY2tncm91bmQiOnsiJGlkIjoiMTU1NCIsIkNvbG9yIjp7IiRpZCI6IjE1NTUiLCJBIjowLCJSIjoyNTUsIkciOjI1NSwiQiI6MjU1fX0sIklzVmlzaWJsZSI6dHJ1ZSwiV2lkdGgiOjAuMCwiSGVpZ2h0IjowLjAsIkJvcmRlclN0eWxlIjpudWxsLCJQYXJlbnRTdHlsZSI6bnVsbH0sIkRhdGVGb3JtYXQiOnsiJGlkIjoiMTU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Tc5IiwiVG9wIjowLjAsIkxlZnQiOjAuMCwiUmlnaHQiOjAuMCwiQm90dG9tIjowLjB9LCJQYWRkaW5nIjp7IiRpZCI6IjE1ODAiLCJUb3AiOjAuMCwiTGVmdCI6MC4wLCJSaWdodCI6MC4wLCJCb3R0b20iOjAuMH0sIkJhY2tncm91bmQiOnsiJGlkIjoiMTU4MSIsIkNvbG9yIjp7IiRpZCI6IjE1ODIiLCJBIjowLCJSIjoyNTUsIkciOjI1NSwiQiI6MjU1fX0sIklzVmlzaWJsZSI6dHJ1ZSwiV2lkdGgiOjAuMCwiSGVpZ2h0IjowLjAsIkJvcmRlclN0eWxlIjpudWxsLCJQYXJlbnRTdHlsZSI6bnVsbH0sIkRhdGVGb3JtYXQiOnsiJGlkIjoiMTU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wLCJSIjoyNTUsIkciOjI1NSwiQiI6MjU1fX0sIklzVmlzaWJsZSI6dHJ1ZSwiV2lkdGgiOjAuMCwiSGVpZ2h0IjowLjAsIkJvcmRlclN0eWxlIjpudWxsLCJQYXJlbnRTdHlsZSI6bnVsbH0sIkRhdGVTdHlsZSI6eyIkaWQiOiIxNjg0IiwiRm9udFNldHRpbmdzIjp7IiRpZCI6IjE2ODUiLCJGb250U2l6ZSI6MTAsIkZvbnROYW1lIjoiQ2FsaWJyaSIsIklzQm9sZCI6ZmFsc2UsIklzSXRhbGljIjpmYWxzZSwiSXNVbmRlcmxpbmVkIjpmYWxzZSwiUGFyZW50U3R5bGUiOm51bGx9LCJBdXRvU2l6ZSI6MCwiRm9yZWdyb3VuZCI6eyIkaWQiOiIxNjg2IiwiQ29sb3IiOnsiJGlkIjoiMTY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4OCIsIlRvcCI6MC4wLCJMZWZ0IjowLjAsIlJpZ2h0IjowLjAsIkJvdHRvbSI6MC4wfSwiUGFkZGluZyI6eyIkaWQiOiIxNjg5IiwiVG9wIjowLjAsIkxlZnQiOjAuMCwiUmlnaHQiOjAuMCwiQm90dG9tIjowLjB9LCJCYWNrZ3JvdW5kIjp7IiRpZCI6IjE2OTAiLCJDb2xvciI6eyIkaWQiOiIxNjkxIiwiQSI6MCwiUiI6MjU1LCJHIjoyNTUsIkIiOjI1NX19LCJJc1Zpc2libGUiOnRydWUsIldpZHRoIjowLjAsIkhlaWdodCI6MC4wLCJCb3JkZXJTdHlsZSI6bnVsbCwiUGFyZW50U3R5bGUiOm51bGx9LCJEYXRlRm9ybWF0Ijp7IiRpZCI6IjE2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5MyIsIkZvcm1hdCI6MCwiSXNWaXNpYmxlIjpmYWxzZSwiTGFzdEtub3duVmlzaWJpbGl0eVN0YXRlIjpmYWxzZX0sIklzVmlzaWJsZSI6dHJ1ZSwiUGFyZW50U3R5bGUiOm51bGwsIl9leHBsaWNpdGx5U2V0Ijp7IiRpZCI6IjE2O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IxIiwiVG9wIjowLjAsIkxlZnQiOjAuMCwiUmlnaHQiOjAuMCwiQm90dG9tIjowLjB9LCJQYWRkaW5nIjp7IiRpZCI6IjE3MjIiLCJUb3AiOjAuMCwiTGVmdCI6MC4wLCJSaWdodCI6MC4wLCJCb3R0b20iOjAuMH0sIkJhY2tncm91bmQiOnsiJGlkIjoiMTcyMyIsIkNvbG9yIjp7IiRpZCI6IjE3MjQiLCJBIjowLCJSIjoyNTUsIkciOjI1NSwiQiI6MjU1fX0sIklzVmlzaWJsZSI6dHJ1ZSwiV2lkdGgiOjAuMCwiSGVpZ2h0IjowLjAsIkJvcmRlclN0eWxlIjpudWxsLCJQYXJlbnRTdHlsZSI6bnVsbH0sIkRhdGVGb3JtYXQiOnsiJGlkIjoiMTc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Q4IiwiVG9wIjowLjAsIkxlZnQiOjAuMCwiUmlnaHQiOjAuMCwiQm90dG9tIjowLjB9LCJQYWRkaW5nIjp7IiRpZCI6IjE3NDkiLCJUb3AiOjAuMCwiTGVmdCI6MC4wLCJSaWdodCI6MC4wLCJCb3R0b20iOjAuMH0sIkJhY2tncm91bmQiOnsiJGlkIjoiMTc1MCIsIkNvbG9yIjp7IiRpZCI6IjE3NTEiLCJBIjowLCJSIjoyNTUsIkciOjI1NSwiQiI6MjU1fX0sIklzVmlzaWJsZSI6dHJ1ZSwiV2lkdGgiOjAuMCwiSGVpZ2h0IjowLjAsIkJvcmRlclN0eWxlIjpudWxsLCJQYXJlbnRTdHlsZSI6bnVsbH0sIkRhdGVGb3JtYXQiOnsiJGlkIjoiMTc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SIsIlVwZGF0ZVNjYWxlRm9ySW1wb3J0ZWRUaW1lbGluZSI6IkZhbHNlIiwiU291cmNlVGhlbWUiOiJ7XCIkaWRcIjpcIjFcIixcIklkXCI6XCJlZmM4MGE2Ny03NDk3LTRjYjctYWMzMC1lNjllMGE1MTkwNzd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ZmFsc2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ZmFsc2UsXCJTZWdtZW50U2VwYXJhdG9yT3BhY2l0eVwiOjMwLFwiU2hhcGVcIjozLFwiU2VnbWVudFRleHRTdHlsZVwiOntcIiRpZFwiOlwiMjRcIixcIkZvbnRTZXR0aW5nc1wiOntcIiRpZFwiOlwiMjVcIixcIkZvbnRTaXplXCI6MTQ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zUsXCJHXCI6MjUsXCJCXCI6NjZ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mZhbHN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x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AsXCJFbmREYXRlUG9zaXRpb25cIjowLFwiVGl0bGVQb3NpdGlvblwiOjIsXCJEdXJhdGlvblBvc2l0aW9uXCI6MCxcIlBlcmNlbnRhZ2VDb21wbGV0ZWRQb3NpdGlvblwiOjA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yxcIkdcIjo0LFwiQlwiOjk0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Nb250c2VycmF0IFNlbWlCb2xkXCIsXCJJc0JvbGRcIjp0cnVlLFwiSXNJdGFsaWNcIjpmYWxzZSxcIklzVW5kZXJsaW5lZFwiOmZhbHNlfSxcIkZvcmVncm91bmRcIjp7XCIkaWRcIjpcIjc2XCIsXCJDb2xvclwiOntcIiRpZFwiOlwiNzdcIixcIkFcIjoyNTUsXCJSXCI6MjU1LFwiR1wiOjI1NSxcIkJcIjoyNTV9fSxcIkhvcml6b250YWxBbGlnbm1lbnRcIjoxLFwiSXNWaXNpYmxlXCI6dHJ1ZX0sXCJEYXRlU3R5bGVcIjp7XCIkaWRcIjpcIjc4XCIsXCJGb250U2V0dGluZ3NcIjp7XCIkaWRcIjpcIjc5XCIsXCJGb250U2l6ZVwiOjEwLFwiRm9udE5hbWVcIjpcIk1vbnRzZXJyYXQgTWVkaXVt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A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AsXCJHXCI6MTE5LFwiQlwiOjE4Mn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wLFwiU2hhcGVTaXplXCI6MS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wLFwiR1wiOjExOSxcIkJcIjoxODJ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i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5Zjk1Y2YyOC03MGZiLTRiMzUtYmIzOC1lN2VkNmViMDY4MmRcIixcIk5hbWVcIjpcIlN3aW1sYW5lIFN0eWxlIDFcIixcIkhlYWRlclN0eWxlXCI6e1wiJGlkXCI6XCIxMjdcIixcIlRleHRTdHlsZVwiOntcIiRpZFwiOlwiMTI4XCIsXCJGb250U2V0dGluZ3NcIjp7XCIkaWRcIjpcIjEyOVwiLFwiRm9udFNpemVcIjoxN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zLFwiR1wiOjQsXCJCXCI6OTR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CxcIkdcIjoxODAsXCJCXCI6MjE2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I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wLFwiR1wiOjE4MCxcIkJcIjoyMTZ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CxcIkdcIjoxODAsXCJCXCI6MjE2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EsXCJEYXRlUG9zaXRpb25cIjoxLFwiU2hhcGVUeXBlXCI6N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yxcIkdcIjo0LFwiQlwiOjk0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IsXCJGb250TmFtZVwiOlwiQ2FsaWJyaVwiLFwiSXNCb2xkXCI6dHJ1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E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0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OTIsXCJHXCI6ODAsXCJCXCI6Nzd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wLFwiRW5kRGF0ZVBvc2l0aW9uXCI6MCxcIlRpdGxlUG9zaXRpb25cIjoyLFwiRHVyYXRpb25Qb3NpdGlvblwiOjAsXCJQZXJjZW50YWdlQ29tcGxldGVkUG9zaXRpb25cIjow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MsXCJHXCI6NCxcIkJcIjo5NH19LFwiSXNWaXNpYmxlXCI6dHJ1ZSxcIldpZHRoXCI6MjU5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ixcIkZvbnROYW1lXCI6XCJDYWxpYnJpXCIsXCJJc0JvbGRcIjp0cnVlLFwiSXNJdGFsaWNcIjpmYWxzZSxcIklzVW5kZXJsaW5lZFwiOmZhbHNlfSxcIkZvcmVncm91bmRcIjp7XCIkaWRcIjpcIjIxOFwiLFwiQ29sb3JcIjp7XCIkaWRcIjpcIjIxOVwiLFwiQVwiOjI1NSxcIlJcIjoyNTUsXCJHXCI6MjU1LFwiQlwiOjI1NX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EsXCJEZXRhaWxzU3BhY2luZ1wiOjIuMCxcIlBhZGRpbmdcIjp7XCIkaWRcIjpcIjIyN1wiLFwiVG9wXCI6Ny4wLFwiTGVmdFwiOjMuMCxcIlJpZ2h0XCI6MC4wLFwiQm90dG9tXCI6Mi4wfSxcIlBvc2l0aW9uT25UYXNrXCI6My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jE0LFwiR1wiOjQwLFwiQlwiOjQwfX0sXCJJc1Zpc2libGVcIjp0cnVlLFwiV2lkdGhcIjoxOC4wLFwiSGVpZ2h0XCI6MjA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I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JhMjU1YmIwOC0zZTRiLTQ5ZjktYTg1MC04ZjkxNTZlOTA0Y2ZcIixcIk5hbWVcIjpcIlN3aW1sYW5lIFN0eWxlIDJcIixcIkhlYWRlclN0eWxlXCI6e1wiJGlkXCI6XCIyNDhcIixcIlRleHRTdHlsZVwiOntcIiRpZFwiOlwiMjQ5XCIsXCJGb250U2V0dGluZ3NcIjp7XCIkaWRcIjpcIjI1MFwiLFwiRm9udFNpemVcIjoxNi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w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wLFwiR1wiOjExOSxcIkJcIjoxODJ9fSxcIklzVmlzaWJsZVwiOnRydW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CxcIkdcIjoxODAsXCJCXCI6MjE2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I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wLFwiR1wiOjE4MCxcIkJcIjoyM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CxcIkdcIjoxODAsXCJCXCI6MjE2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EsXCJEYXRlUG9zaXRpb25cIjox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jE0LFwiR1wiOjQwLFwiQlwiOjQw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IsXCJGb250TmFtZVwiOlwiQ2FsaWJyaVwiLFwiSXNCb2xkXCI6dHJ1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E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0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wLFwiRW5kRGF0ZVBvc2l0aW9uXCI6MCxcIlRpdGxlUG9zaXRpb25cIjoyLFwiRHVyYXRpb25Qb3NpdGlvblwiOjAsXCJQZXJjZW50YWdlQ29tcGxldGVkUG9zaXRpb25cIjow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MsXCJHXCI6NCxcIkJcIjo5NH19LFwiSXNWaXNpYmxlXCI6dHJ1ZSxcIldpZHRoXCI6Mzg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ixcIkZvbnROYW1lXCI6XCJDYWxpYnJpXCIsXCJJc0JvbGRcIjp0cnVlLFwiSXNJdGFsaWNcIjpmYWxzZSxcIklzVW5kZXJsaW5lZFwiOmZhbHNlfSxcIkZvcmVncm91bmRcIjp7XCIkaWRcIjpcIjMzOVwiLFwiQ29sb3JcIjp7XCIkaWRcIjpcIjM0MFwiLFwiQVwiOjI1NSxcIlJcIjoyNTUsXCJHXCI6MjU1LFwiQlwiOjI1NX19LFwiSG9yaXpvbnRhbEFsaWdubWVudFwiOjE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NjgsXCJHXCI6ODQsXCJCXCI6MTA2fX0sXCJIb3Jpem9udGFsQWxpZ25tZW50XCI6MC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NSxcIlNoYXBlU2l6ZVwiOjAsXCJEZXRhaWxzU3BhY2luZ1wiOjIuMCxcIlBhZGRpbmdcIjp7XCIkaWRcIjpcIjM0OFwiLFwiVG9wXCI6Ny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yxcIkdcIjo0LFwiQlwiOjk0fX0sXCJJc1Zpc2libGVcIjp0cnVlLFwiV2lkdGhcIjoxMi4wLFwiSGVpZ2h0XCI6MTQ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IsXCJGb250TmFtZVwiOlwiQ2FsaWJyaVwiLFwiSXNCb2xkXCI6dHJ1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Y4LFwiR1wiOjg0LFwiQlwiOjEwNn19LFwiSG9yaXpvbnRhbEFsaWdubWVudFwiOjE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46.1760104302487"/>
  <p:tag name="OTLLEFTENDCAPSMARGINLEFT" val="67.1969073891524"/>
  <p:tag name="OTLTIMEBANDFYSTARTMONTH" val="January"/>
  <p:tag name="OTLTIMEBANDSHOWFYLABEL" val="True"/>
  <p:tag name="OTLTIMEBANDUSESTARTINGOFTHEYEARFORFYNUMBERING" val="True"/>
  <p:tag name="OTLTIMEBANDRESERVEDLEFTAREAWIDTH" val="61.8536585365853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ENDDATE" val="2025-12-08T00:00:00.0000000"/>
  <p:tag name="OTLTIMEBANDAUTODATERANGE" val="True"/>
  <p:tag name="OTLTIMEBANDSTARTDATE" val="2022-08-01T00:00:00.0000000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Initiation"/>
  <p:tag name="OTLPOSITIONONTASK" val="None"/>
  <p:tag name="OTLRELATEDTASKID" val="00000000-0000-0000-0000-000000000000"/>
  <p:tag name="OTLWEEKNUMBERINGFORMAT" val="WNFormat1"/>
  <p:tag name="OTLWEEKNUMBERINGISVISIBLE" val="False"/>
  <p:tag name="OTLDATE" val="2025-08-08T00:00:00.0000000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Closure"/>
  <p:tag name="OTLPOSITIONONTASK" val="None"/>
  <p:tag name="OTLRELATEDTASKID" val="00000000-0000-0000-0000-000000000000"/>
  <p:tag name="OTLWEEKNUMBERINGFORMAT" val="WNFormat1"/>
  <p:tag name="OTLWEEKNUMBERINGISVISIBLE" val="False"/>
  <p:tag name="OTLDATE" val="2025-12-08T00:00:00.0000000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udit"/>
  <p:tag name="OTLPOSITIONONTASK" val="None"/>
  <p:tag name="OTLRELATEDTASKID" val="00000000-0000-0000-0000-000000000000"/>
  <p:tag name="OTLWEEKNUMBERINGFORMAT" val="WNFormat1"/>
  <p:tag name="OTLWEEKNUMBERINGISVISIBLE" val="False"/>
  <p:tag name="OTLDATE" val="2025-10-04T00:00:00.0000000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Center"/>
  <p:tag name="OTLRELATEDTASKID" val="affec12f-4e8d-4a6e-a8ec-e39fc768731a"/>
  <p:tag name="OTLWEEKNUMBERINGFORMAT" val="WNFormat1"/>
  <p:tag name="OTLWEEKNUMBERINGISVISIBLE" val="False"/>
  <p:tag name="OTLDATE" val="2025-09-05T23:59:00.0000000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Above"/>
  <p:tag name="OTLRELATEDTASKID" val="b550e580-4b64-4ea3-8f35-1aa4de247961"/>
  <p:tag name="OTLWEEKNUMBERINGFORMAT" val="WNFormat1"/>
  <p:tag name="OTLWEEKNUMBERINGISVISIBLE" val="False"/>
  <p:tag name="OTLDATE" val="2025-10-21T23:59:00.0000000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46.1760104302487"/>
  <p:tag name="OTLLEFTENDCAPSMARGINLEFT" val="67.1969073891524"/>
  <p:tag name="OTLTIMEBANDFYSTARTMONTH" val="January"/>
  <p:tag name="OTLTIMEBANDSHOWFYLABEL" val="True"/>
  <p:tag name="OTLTIMEBANDUSESTARTINGOFTHEYEARFORFYNUMBERING" val="True"/>
  <p:tag name="OTLTIMEBANDRESERVEDLEFTAREAWIDTH" val="61.8536585365853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ENDDATE" val="2025-12-08T00:00:00.0000000"/>
  <p:tag name="OTLTIMEBANDAUTODATERANGE" val="True"/>
  <p:tag name="OTLTIMEBANDSTARTDATE" val="2022-08-01T00:00:00.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46.1760104302487"/>
  <p:tag name="OTLLEFTENDCAPSMARGINLEFT" val="67.1969073891524"/>
  <p:tag name="OTLTIMEBANDFYSTARTMONTH" val="January"/>
  <p:tag name="OTLTIMEBANDSHOWFYLABEL" val="True"/>
  <p:tag name="OTLTIMEBANDUSESTARTINGOFTHEYEARFORFYNUMBERING" val="True"/>
  <p:tag name="OTLTIMEBANDRESERVEDLEFTAREAWIDTH" val="61.8536585365853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"/>
  <p:tag name="OTLTIMEBANDSCALETYPE" val="Days"/>
  <p:tag name="OTLTIMEBANDSHAPETYPE" val="RectangleTimeband"/>
  <p:tag name="OTLTIMEBANDSHAPEHEIGHT" val="14.3999996185303"/>
  <p:tag name="OTLTIMEBANDSHAPEPADDINGLEFT" val="0"/>
  <p:tag name="OTLTIMEBANDENDDATE" val="2025-12-08T00:00:00.0000000"/>
  <p:tag name="OTLTIMEBANDAUTODATERANGE" val="True"/>
  <p:tag name="OTLTIMEBANDSTARTDATE" val="2022-08-01T00:00:00.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5-10-04T23:59:00.0000000Z"/>
  <p:tag name="OTLSTARTDATE" val="2025-08-13T00:00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8-16T00:00:00.0000000Z"/>
  <p:tag name="OTLENDDATE" val="2025-09-05T23:59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10-04T00:00:00.0000000Z"/>
  <p:tag name="OTLENDDATE" val="2025-11-16T23:59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10-04T00:00:00.0000000Z"/>
  <p:tag name="OTLENDDATE" val="2025-10-27T23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11-08T00:00:00.0000000Z"/>
  <p:tag name="OTLENDDATE" val="2025-11-27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11-12T00:00:00.0000000Z"/>
  <p:tag name="OTLENDDATE" val="2025-12-07T23:59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04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3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28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1-27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1-12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1-30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6</TotalTime>
  <Words>241</Words>
  <Application>Microsoft Office PowerPoint</Application>
  <PresentationFormat>Widescreen</PresentationFormat>
  <Paragraphs>7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Gabriel Bogdan Mihai Rusu</dc:creator>
  <cp:lastModifiedBy>Codrina Mursa</cp:lastModifiedBy>
  <cp:revision>5</cp:revision>
  <dcterms:created xsi:type="dcterms:W3CDTF">2024-06-26T08:31:44Z</dcterms:created>
  <dcterms:modified xsi:type="dcterms:W3CDTF">2024-10-14T11:14:05Z</dcterms:modified>
</cp:coreProperties>
</file>